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worksheets/sheet11.xml" ContentType="application/vnd.openxmlformats-officedocument.spreadsheetml.worksheet+xml"/>
  <Override PartName="/xl/worksheets/sheet12.xml" ContentType="application/vnd.openxmlformats-officedocument.spreadsheetml.worksheet+xml"/>
  <Override PartName="/xl/worksheets/sheet13.xml" ContentType="application/vnd.openxmlformats-officedocument.spreadsheetml.worksheet+xml"/>
  <Override PartName="/xl/worksheets/sheet14.xml" ContentType="application/vnd.openxmlformats-officedocument.spreadsheetml.worksheet+xml"/>
  <Override PartName="/xl/worksheets/sheet15.xml" ContentType="application/vnd.openxmlformats-officedocument.spreadsheetml.worksheet+xml"/>
  <Override PartName="/xl/worksheets/sheet16.xml" ContentType="application/vnd.openxmlformats-officedocument.spreadsheetml.worksheet+xml"/>
  <Override PartName="/xl/worksheets/sheet17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827"/>
  <workbookPr/>
  <mc:AlternateContent xmlns:mc="http://schemas.openxmlformats.org/markup-compatibility/2006">
    <mc:Choice Requires="x15">
      <x15ac:absPath xmlns:x15ac="http://schemas.microsoft.com/office/spreadsheetml/2010/11/ac" url="C:\Users\chris.alston\Downloads\"/>
    </mc:Choice>
  </mc:AlternateContent>
  <xr:revisionPtr revIDLastSave="0" documentId="8_{605EBCC1-7198-4917-BF24-89032A498575}" xr6:coauthVersionLast="47" xr6:coauthVersionMax="47" xr10:uidLastSave="{00000000-0000-0000-0000-000000000000}"/>
  <bookViews>
    <workbookView xWindow="6555" yWindow="555" windowWidth="19395" windowHeight="14310" xr2:uid="{00000000-000D-0000-FFFF-FFFF00000000}"/>
  </bookViews>
  <sheets>
    <sheet name="About" sheetId="1" r:id="rId1"/>
    <sheet name="Contents" sheetId="4" r:id="rId2"/>
    <sheet name="Figure 1.1 (panel a)" sheetId="21" r:id="rId3"/>
    <sheet name="Figure 1.1 (panel b)" sheetId="24" r:id="rId4"/>
    <sheet name="Figure 1.1 (panel c)" sheetId="25" r:id="rId5"/>
    <sheet name="Figure 1.2" sheetId="22" r:id="rId6"/>
    <sheet name="Figure 1.3" sheetId="23" r:id="rId7"/>
    <sheet name="Figure 2.3 (panel a)" sheetId="28" r:id="rId8"/>
    <sheet name="Figure 2.3 (panel b)" sheetId="27" r:id="rId9"/>
    <sheet name="Figure 2.4" sheetId="26" r:id="rId10"/>
    <sheet name="Figure 3.1" sheetId="10" r:id="rId11"/>
    <sheet name="Box 3.6" sheetId="11" r:id="rId12"/>
    <sheet name="Figure 3.2" sheetId="12" r:id="rId13"/>
    <sheet name="Box 3.10 (left panel)" sheetId="13" r:id="rId14"/>
    <sheet name="Box 3.10 (right panel)" sheetId="15" r:id="rId15"/>
    <sheet name="Box 3.10 table" sheetId="20" r:id="rId16"/>
    <sheet name="Figure B.1" sheetId="19" r:id="rId17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42" uniqueCount="160">
  <si>
    <t>About this workbook</t>
  </si>
  <si>
    <r>
      <t xml:space="preserve">The </t>
    </r>
    <r>
      <rPr>
        <b/>
        <sz val="10"/>
        <color theme="1"/>
        <rFont val="Arial"/>
        <family val="2"/>
      </rPr>
      <t>Contents</t>
    </r>
    <r>
      <rPr>
        <sz val="10"/>
        <color theme="1"/>
        <rFont val="Arial"/>
        <family val="2"/>
      </rPr>
      <t xml:space="preserve"> worksheet links to the data for each chart.</t>
    </r>
  </si>
  <si>
    <t xml:space="preserve">The report is available from: </t>
  </si>
  <si>
    <t>Contents</t>
  </si>
  <si>
    <t>Title</t>
  </si>
  <si>
    <t>NSW</t>
  </si>
  <si>
    <t>VIC</t>
  </si>
  <si>
    <t>QLD</t>
  </si>
  <si>
    <t>SA</t>
  </si>
  <si>
    <t>TAS</t>
  </si>
  <si>
    <t>WA</t>
  </si>
  <si>
    <t>ACT</t>
  </si>
  <si>
    <t>NT</t>
  </si>
  <si>
    <t>Aesthetician</t>
  </si>
  <si>
    <t>Baker</t>
  </si>
  <si>
    <t>Butcher</t>
  </si>
  <si>
    <t>Taxi driver</t>
  </si>
  <si>
    <t>Driving instructor</t>
  </si>
  <si>
    <t>Electrician</t>
  </si>
  <si>
    <t>Hairdresser</t>
  </si>
  <si>
    <t>Painter</t>
  </si>
  <si>
    <t>Plumber</t>
  </si>
  <si>
    <t>Drainer</t>
  </si>
  <si>
    <t>Gasfitter</t>
  </si>
  <si>
    <t>Registered nurse</t>
  </si>
  <si>
    <t>Enrolled nurse</t>
  </si>
  <si>
    <t>Accountant</t>
  </si>
  <si>
    <t>Architect</t>
  </si>
  <si>
    <t>Civil engineer</t>
  </si>
  <si>
    <t>Solicitor</t>
  </si>
  <si>
    <t>Primary school teacher</t>
  </si>
  <si>
    <t>Secondary school teacher</t>
  </si>
  <si>
    <t>Early childhood teacher</t>
  </si>
  <si>
    <t>Licensed</t>
  </si>
  <si>
    <t>Proportion of repaired vehicles sent back for rework (%)</t>
  </si>
  <si>
    <t>No</t>
  </si>
  <si>
    <t>Yes</t>
  </si>
  <si>
    <t>Average years taken to complete required qualification for 21 occupations</t>
  </si>
  <si>
    <t>Average</t>
  </si>
  <si>
    <t>Occupation</t>
  </si>
  <si>
    <t>Jurisdiction</t>
  </si>
  <si>
    <t>`</t>
  </si>
  <si>
    <t>6.9 </t>
  </si>
  <si>
    <t>10.8 </t>
  </si>
  <si>
    <t>10.0 </t>
  </si>
  <si>
    <t>10.6 </t>
  </si>
  <si>
    <t>13.3 </t>
  </si>
  <si>
    <t>8.4 </t>
  </si>
  <si>
    <t>14.5 </t>
  </si>
  <si>
    <t>9.1 </t>
  </si>
  <si>
    <t>9.8 </t>
  </si>
  <si>
    <t>Hours worked per 10,000 residents (2016)</t>
  </si>
  <si>
    <t>Hours worked per 10,000 residents (2021)</t>
  </si>
  <si>
    <t>Workers per 10,000 residents (2016)</t>
  </si>
  <si>
    <t>Workers per 10,000 residents (2021)</t>
  </si>
  <si>
    <t>Box 3.10 – Claims frequency rate (serious claims per million hours worked)</t>
  </si>
  <si>
    <t>Figure 3.1</t>
  </si>
  <si>
    <t>OERs can vary widely across occupations and jurisdictions</t>
  </si>
  <si>
    <t>Box 3.6</t>
  </si>
  <si>
    <t>Figure 3.2</t>
  </si>
  <si>
    <t>Box 3.10 (left panel)</t>
  </si>
  <si>
    <t>Box 3.10 (right panel)</t>
  </si>
  <si>
    <t>Box 3.10 table</t>
  </si>
  <si>
    <t>Figure B.1</t>
  </si>
  <si>
    <t>Quality and safety metrics are not strongly correlated with licensing requirements</t>
  </si>
  <si>
    <t>State and territory qualification requirements differ</t>
  </si>
  <si>
    <t>Claims frequency rate (serious claims per million hours worked)</t>
  </si>
  <si>
    <t>Figure 1.1 – Disadvantages flow on to outcomes</t>
  </si>
  <si>
    <t>Year</t>
  </si>
  <si>
    <t>Bottom 10%</t>
  </si>
  <si>
    <t>Middle 10%</t>
  </si>
  <si>
    <t>Top 10%</t>
  </si>
  <si>
    <t>a. Numeracy domain</t>
  </si>
  <si>
    <t>b. Reading domain</t>
  </si>
  <si>
    <t>c. Writing domain</t>
  </si>
  <si>
    <t>Range of NAPLAN bands</t>
  </si>
  <si>
    <t>Grammar and Punctuation</t>
  </si>
  <si>
    <t>Numeracy</t>
  </si>
  <si>
    <t>Reading</t>
  </si>
  <si>
    <t>Spelling</t>
  </si>
  <si>
    <t>Writing</t>
  </si>
  <si>
    <t>Share of all school-year level-domain cohorts (%)</t>
  </si>
  <si>
    <t>Figure 1.2 – Spread of abilities within a year level, 2022</t>
  </si>
  <si>
    <t>Task type</t>
  </si>
  <si>
    <t>Mean hours</t>
  </si>
  <si>
    <t>Face-to-face teaching</t>
  </si>
  <si>
    <t>Planning lessons and marking</t>
  </si>
  <si>
    <t>Student supervision</t>
  </si>
  <si>
    <t>Administrative tasks</t>
  </si>
  <si>
    <t>Team work</t>
  </si>
  <si>
    <t>Parent engagement</t>
  </si>
  <si>
    <t>Other</t>
  </si>
  <si>
    <t>Figure 1.1 (panel c)</t>
  </si>
  <si>
    <t>Figure 1.1 (panel b)</t>
  </si>
  <si>
    <t>Figure 1.1 (panel a)</t>
  </si>
  <si>
    <t>Figure 1.2</t>
  </si>
  <si>
    <t>Figure 1.3</t>
  </si>
  <si>
    <t>Spread of abilities within a year level, 2022</t>
  </si>
  <si>
    <t>Teachers spend most of their time outside the classroom, 2023</t>
  </si>
  <si>
    <t>Employee participation rate</t>
  </si>
  <si>
    <t>Share of trainees who train during work hours</t>
  </si>
  <si>
    <t>Share of trainees who incur personal costs for training</t>
  </si>
  <si>
    <t>Small</t>
  </si>
  <si>
    <t>Medium</t>
  </si>
  <si>
    <t>Large</t>
  </si>
  <si>
    <t>2013-14</t>
  </si>
  <si>
    <t>2016-17</t>
  </si>
  <si>
    <t>2020-21</t>
  </si>
  <si>
    <t>Tertiary attainment</t>
  </si>
  <si>
    <t>Work-related training</t>
  </si>
  <si>
    <t>Australia</t>
  </si>
  <si>
    <t>UK</t>
  </si>
  <si>
    <t>Norway</t>
  </si>
  <si>
    <t>Singapore</t>
  </si>
  <si>
    <t>Country</t>
  </si>
  <si>
    <t>Australia's training rates compared to similarly educated nations</t>
  </si>
  <si>
    <t>Australia’s training rates over time</t>
  </si>
  <si>
    <t>Employees at small businesses have the lowest training rates, undertake most training outside work hours, and pay the most for training</t>
  </si>
  <si>
    <t>States requiring a Certificate III have a relatively higher prevalence of hairdressers who are born in Australia</t>
  </si>
  <si>
    <t>Box 3.6 – Quality and safety metrics are not strongly correlated with licensing requirements</t>
  </si>
  <si>
    <t>Figure 3.1 – OERs can vary widely across occupations and jurisdictions</t>
  </si>
  <si>
    <t>Figure 3.2 – State and territory qualification requirements differ</t>
  </si>
  <si>
    <t>Require Cert III</t>
  </si>
  <si>
    <t>Relative ratio</t>
  </si>
  <si>
    <t>Claims frequency rate for plumbers</t>
  </si>
  <si>
    <t>Claims frequency rate (serious claims per million hours worked for motor mechanics)</t>
  </si>
  <si>
    <t>OER stringency index score</t>
  </si>
  <si>
    <t>Figure B.1 – States requiring a Certificate III have a relatively higher prevalence of hairdressers who are born in Australia</t>
  </si>
  <si>
    <t>Real estate agent</t>
  </si>
  <si>
    <t>Figure no.</t>
  </si>
  <si>
    <t>www.pc.gov.au/inquiries/current/adaptable-workforce/interim</t>
  </si>
  <si>
    <t>Average share of students below the national minimum standard by socio-educational status band and NAPLAN domain, 2008–2022 (%)</t>
  </si>
  <si>
    <t>Mean hours a week spent on tasks by full-time teachers, 2023</t>
  </si>
  <si>
    <t>Figure 2.3 (panel b) – Australia's training rates compared to similarly educated nations</t>
  </si>
  <si>
    <t>Figure 2.3 (panel a) – Australia’s training rates over time</t>
  </si>
  <si>
    <t>Figure 2.3 (panel a)</t>
  </si>
  <si>
    <t>Figure 2.3 (panel b)</t>
  </si>
  <si>
    <t>Disadvantages flow on to outcomes - numeracy</t>
  </si>
  <si>
    <t>Disadvantages flow on to outcomes - reading</t>
  </si>
  <si>
    <t>Disadvantages flow on to outcomes - writing</t>
  </si>
  <si>
    <t>Number of hours worked by plumbers per 10,000 residents, 2016 and 2021</t>
  </si>
  <si>
    <t>Number of plumbers per 10,000 residents, 2016 and 2021</t>
  </si>
  <si>
    <t>Box 3.10 – Number of plumbers per 10,000 residents, 2016 and 2021</t>
  </si>
  <si>
    <t>Box 3.10 – Number of hours worked by plumbers per 10,000 residents, 2016 and 2021</t>
  </si>
  <si>
    <t>Figure 1.3 – Teachers spend most of their time outside the classroom</t>
  </si>
  <si>
    <t>Source: ABS (2017 table 1.2, 2022b table 2); ACER (2023a, p. 68); Eurostat (2024); MOM (2023, p. 30).</t>
  </si>
  <si>
    <t>Participation (working age population)</t>
  </si>
  <si>
    <t>Figure 2.4 – Employees at small businesses have the lowest training rates, undertake most training outside work hours, and pay the most for training</t>
  </si>
  <si>
    <t>Selected indicators of work-related training by size of business, 2021</t>
  </si>
  <si>
    <t>Source: ABS Work-Related Training and Adult Learning microdata (unpublished).</t>
  </si>
  <si>
    <t>Figure 2.4</t>
  </si>
  <si>
    <t>Source: PC estimates.</t>
  </si>
  <si>
    <t>Source: 2024 vehicle repair quality data from Insurance Council Australia, qr. 49, pp. 5–6. Unpublished workers’ compensation claims data from the National Data Set for Compensation-based Statistics, Safe Work Australia, for ANZSCO unit group 3212 (motor mechanics).</t>
  </si>
  <si>
    <t>Source: PC analysis of ABS (Census of Population and Housing 2016, 2021a).</t>
  </si>
  <si>
    <t>Source: Unpublished workers’ compensation claims data from the National Data Set for Compensation-based Statistics, Safe Work Australia for ANZSCO unit group 3341 (plumbers).</t>
  </si>
  <si>
    <t>Source: PC analysis of ABS Census (2021a).</t>
  </si>
  <si>
    <t>Source: PC analysis of NAPLAN data 2008-2022 (ACARA).</t>
  </si>
  <si>
    <t>Source: Australian Teacher Workforce Survey 2023 (AITSL).</t>
  </si>
  <si>
    <t>Source: PC analysis of NAPLAN data 2022 (ACARA).</t>
  </si>
  <si>
    <r>
      <t xml:space="preserve">This Excel workbook contains data underlying charts in the Productivity Commission's interim report on </t>
    </r>
    <r>
      <rPr>
        <i/>
        <sz val="10"/>
        <color theme="1"/>
        <rFont val="Arial"/>
        <family val="2"/>
        <scheme val="major"/>
      </rPr>
      <t>Building a skilled and adaptable workforce.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%"/>
  </numFmts>
  <fonts count="13" x14ac:knownFonts="1">
    <font>
      <sz val="10"/>
      <color theme="1"/>
      <name val="Arial"/>
      <family val="2"/>
    </font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b/>
      <sz val="10"/>
      <color theme="1"/>
      <name val="Arial"/>
      <family val="2"/>
    </font>
    <font>
      <b/>
      <sz val="12"/>
      <color theme="1"/>
      <name val="Arial"/>
      <family val="2"/>
    </font>
    <font>
      <i/>
      <sz val="10"/>
      <color theme="1"/>
      <name val="Arial"/>
      <family val="2"/>
    </font>
    <font>
      <u/>
      <sz val="10"/>
      <color theme="10"/>
      <name val="Arial"/>
      <family val="2"/>
    </font>
    <font>
      <sz val="10"/>
      <color theme="1"/>
      <name val="Arial"/>
      <family val="2"/>
      <scheme val="major"/>
    </font>
    <font>
      <sz val="10"/>
      <color theme="1"/>
      <name val="Arial"/>
      <family val="2"/>
      <scheme val="minor"/>
    </font>
    <font>
      <b/>
      <sz val="10"/>
      <color theme="1"/>
      <name val="Arial"/>
      <family val="2"/>
      <scheme val="major"/>
    </font>
    <font>
      <sz val="10"/>
      <color theme="1"/>
      <name val="Arial"/>
      <family val="2"/>
    </font>
    <font>
      <sz val="10"/>
      <color rgb="FF58585B"/>
      <name val="Arial Black"/>
      <family val="2"/>
    </font>
    <font>
      <i/>
      <sz val="10"/>
      <color theme="1"/>
      <name val="Arial"/>
      <family val="2"/>
      <scheme val="major"/>
    </font>
  </fonts>
  <fills count="2">
    <fill>
      <patternFill patternType="none"/>
    </fill>
    <fill>
      <patternFill patternType="gray125"/>
    </fill>
  </fills>
  <borders count="4">
    <border>
      <left/>
      <right/>
      <top/>
      <bottom/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/>
      <diagonal/>
    </border>
  </borders>
  <cellStyleXfs count="7">
    <xf numFmtId="0" fontId="0" fillId="0" borderId="0"/>
    <xf numFmtId="0" fontId="6" fillId="0" borderId="0" applyNumberFormat="0" applyFill="0" applyBorder="0" applyAlignment="0" applyProtection="0"/>
    <xf numFmtId="0" fontId="2" fillId="0" borderId="0"/>
    <xf numFmtId="9" fontId="2" fillId="0" borderId="0" applyFont="0" applyFill="0" applyBorder="0" applyAlignment="0" applyProtection="0"/>
    <xf numFmtId="0" fontId="2" fillId="0" borderId="0"/>
    <xf numFmtId="0" fontId="1" fillId="0" borderId="0"/>
    <xf numFmtId="9" fontId="10" fillId="0" borderId="0" applyFont="0" applyFill="0" applyBorder="0" applyAlignment="0" applyProtection="0"/>
  </cellStyleXfs>
  <cellXfs count="33">
    <xf numFmtId="0" fontId="0" fillId="0" borderId="0" xfId="0"/>
    <xf numFmtId="0" fontId="3" fillId="0" borderId="0" xfId="0" applyFont="1"/>
    <xf numFmtId="0" fontId="4" fillId="0" borderId="0" xfId="0" applyFont="1"/>
    <xf numFmtId="0" fontId="7" fillId="0" borderId="0" xfId="0" applyFont="1"/>
    <xf numFmtId="0" fontId="2" fillId="0" borderId="0" xfId="2"/>
    <xf numFmtId="0" fontId="8" fillId="0" borderId="0" xfId="2" applyFont="1"/>
    <xf numFmtId="164" fontId="8" fillId="0" borderId="0" xfId="3" applyNumberFormat="1" applyFont="1"/>
    <xf numFmtId="0" fontId="0" fillId="0" borderId="1" xfId="0" applyBorder="1"/>
    <xf numFmtId="164" fontId="2" fillId="0" borderId="0" xfId="3" applyNumberFormat="1" applyFont="1"/>
    <xf numFmtId="0" fontId="5" fillId="0" borderId="0" xfId="0" applyFont="1"/>
    <xf numFmtId="0" fontId="9" fillId="0" borderId="0" xfId="0" applyFont="1"/>
    <xf numFmtId="0" fontId="6" fillId="0" borderId="0" xfId="1" applyFill="1"/>
    <xf numFmtId="1" fontId="8" fillId="0" borderId="0" xfId="3" applyNumberFormat="1" applyFont="1"/>
    <xf numFmtId="1" fontId="2" fillId="0" borderId="0" xfId="2" applyNumberFormat="1"/>
    <xf numFmtId="1" fontId="2" fillId="0" borderId="0" xfId="3" applyNumberFormat="1" applyFont="1"/>
    <xf numFmtId="1" fontId="0" fillId="0" borderId="0" xfId="0" applyNumberFormat="1"/>
    <xf numFmtId="0" fontId="0" fillId="0" borderId="1" xfId="0" applyBorder="1" applyAlignment="1">
      <alignment wrapText="1"/>
    </xf>
    <xf numFmtId="0" fontId="0" fillId="0" borderId="2" xfId="0" applyBorder="1"/>
    <xf numFmtId="0" fontId="0" fillId="0" borderId="3" xfId="0" applyBorder="1"/>
    <xf numFmtId="0" fontId="0" fillId="0" borderId="0" xfId="0" applyAlignment="1">
      <alignment horizontal="right"/>
    </xf>
    <xf numFmtId="2" fontId="0" fillId="0" borderId="0" xfId="0" applyNumberFormat="1"/>
    <xf numFmtId="0" fontId="6" fillId="0" borderId="0" xfId="1"/>
    <xf numFmtId="0" fontId="0" fillId="0" borderId="3" xfId="0" applyBorder="1" applyAlignment="1">
      <alignment horizontal="center" wrapText="1"/>
    </xf>
    <xf numFmtId="0" fontId="0" fillId="0" borderId="2" xfId="0" applyBorder="1" applyAlignment="1">
      <alignment horizontal="center" wrapText="1"/>
    </xf>
    <xf numFmtId="0" fontId="0" fillId="0" borderId="0" xfId="0" applyAlignment="1">
      <alignment horizontal="left"/>
    </xf>
    <xf numFmtId="10" fontId="0" fillId="0" borderId="0" xfId="6" applyNumberFormat="1" applyFont="1" applyFill="1"/>
    <xf numFmtId="10" fontId="0" fillId="0" borderId="0" xfId="6" applyNumberFormat="1" applyFont="1"/>
    <xf numFmtId="0" fontId="11" fillId="0" borderId="0" xfId="0" applyFont="1" applyAlignment="1">
      <alignment vertical="center"/>
    </xf>
    <xf numFmtId="0" fontId="0" fillId="0" borderId="0" xfId="0" applyAlignment="1">
      <alignment vertical="center"/>
    </xf>
    <xf numFmtId="0" fontId="0" fillId="0" borderId="1" xfId="0" applyBorder="1" applyAlignment="1">
      <alignment vertical="center" wrapText="1"/>
    </xf>
    <xf numFmtId="0" fontId="0" fillId="0" borderId="1" xfId="0" applyBorder="1" applyAlignment="1">
      <alignment vertical="center"/>
    </xf>
    <xf numFmtId="0" fontId="0" fillId="0" borderId="3" xfId="0" applyBorder="1" applyAlignment="1">
      <alignment horizontal="center"/>
    </xf>
    <xf numFmtId="0" fontId="0" fillId="0" borderId="0" xfId="0" applyAlignment="1">
      <alignment horizontal="center"/>
    </xf>
  </cellXfs>
  <cellStyles count="7">
    <cellStyle name="Hyperlink" xfId="1" builtinId="8"/>
    <cellStyle name="Normal" xfId="0" builtinId="0"/>
    <cellStyle name="Normal 12" xfId="2" xr:uid="{437DBC8D-BBED-452A-BA52-E63D559A0817}"/>
    <cellStyle name="Normal 3" xfId="5" xr:uid="{32588AA6-6E21-46E9-BC4D-18502A9AD8E5}"/>
    <cellStyle name="Normal 8" xfId="4" xr:uid="{95820D78-4391-4F64-85D4-F6CF3AFE79A9}"/>
    <cellStyle name="Percent" xfId="6" builtinId="5"/>
    <cellStyle name="Percent 3" xfId="3" xr:uid="{D534C50D-C356-4705-B7D9-34A6EBE0AEFD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worksheet" Target="worksheets/sheet13.xml"/><Relationship Id="rId18" Type="http://schemas.openxmlformats.org/officeDocument/2006/relationships/theme" Target="theme/theme1.xml"/><Relationship Id="rId3" Type="http://schemas.openxmlformats.org/officeDocument/2006/relationships/worksheet" Target="worksheets/sheet3.xml"/><Relationship Id="rId21" Type="http://schemas.openxmlformats.org/officeDocument/2006/relationships/customXml" Target="../customXml/item1.xml"/><Relationship Id="rId7" Type="http://schemas.openxmlformats.org/officeDocument/2006/relationships/worksheet" Target="worksheets/sheet7.xml"/><Relationship Id="rId12" Type="http://schemas.openxmlformats.org/officeDocument/2006/relationships/worksheet" Target="worksheets/sheet12.xml"/><Relationship Id="rId17" Type="http://schemas.openxmlformats.org/officeDocument/2006/relationships/worksheet" Target="worksheets/sheet17.xml"/><Relationship Id="rId25" Type="http://schemas.openxmlformats.org/officeDocument/2006/relationships/customXml" Target="../customXml/item5.xml"/><Relationship Id="rId2" Type="http://schemas.openxmlformats.org/officeDocument/2006/relationships/worksheet" Target="worksheets/sheet2.xml"/><Relationship Id="rId16" Type="http://schemas.openxmlformats.org/officeDocument/2006/relationships/worksheet" Target="worksheets/sheet16.xml"/><Relationship Id="rId20" Type="http://schemas.openxmlformats.org/officeDocument/2006/relationships/sharedStrings" Target="sharedStrings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worksheet" Target="worksheets/sheet11.xml"/><Relationship Id="rId24" Type="http://schemas.openxmlformats.org/officeDocument/2006/relationships/customXml" Target="../customXml/item4.xml"/><Relationship Id="rId5" Type="http://schemas.openxmlformats.org/officeDocument/2006/relationships/worksheet" Target="worksheets/sheet5.xml"/><Relationship Id="rId15" Type="http://schemas.openxmlformats.org/officeDocument/2006/relationships/worksheet" Target="worksheets/sheet15.xml"/><Relationship Id="rId23" Type="http://schemas.openxmlformats.org/officeDocument/2006/relationships/customXml" Target="../customXml/item3.xml"/><Relationship Id="rId10" Type="http://schemas.openxmlformats.org/officeDocument/2006/relationships/worksheet" Target="worksheets/sheet10.xml"/><Relationship Id="rId19" Type="http://schemas.openxmlformats.org/officeDocument/2006/relationships/styles" Target="styles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worksheet" Target="worksheets/sheet14.xml"/><Relationship Id="rId22" Type="http://schemas.openxmlformats.org/officeDocument/2006/relationships/customXml" Target="../customXml/item2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04775</xdr:colOff>
      <xdr:row>0</xdr:row>
      <xdr:rowOff>161925</xdr:rowOff>
    </xdr:from>
    <xdr:to>
      <xdr:col>2</xdr:col>
      <xdr:colOff>397386</xdr:colOff>
      <xdr:row>0</xdr:row>
      <xdr:rowOff>527686</xdr:rowOff>
    </xdr:to>
    <xdr:pic>
      <xdr:nvPicPr>
        <xdr:cNvPr id="4" name="Picture 3" descr="Australian Government Productivity Commissioln logo">
          <a:extLst>
            <a:ext uri="{FF2B5EF4-FFF2-40B4-BE49-F238E27FC236}">
              <a16:creationId xmlns:a16="http://schemas.microsoft.com/office/drawing/2014/main" id="{F61E1EB3-77B5-46D9-B219-2DC349D2A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61925"/>
          <a:ext cx="1511811" cy="365761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ProdCommTheme-new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www.pc.gov.au/inquiries/current/adaptable-workforce/interim" TargetMode="External"/></Relationships>
</file>

<file path=xl/worksheets/_rels/sheet10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0.bin"/></Relationships>
</file>

<file path=xl/worksheets/_rels/sheet1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1.bin"/></Relationships>
</file>

<file path=xl/worksheets/_rels/sheet1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2.bin"/></Relationships>
</file>

<file path=xl/worksheets/_rels/sheet1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3.bin"/></Relationships>
</file>

<file path=xl/worksheets/_rels/sheet1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4.bin"/></Relationships>
</file>

<file path=xl/worksheets/_rels/sheet1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5.bin"/></Relationships>
</file>

<file path=xl/worksheets/_rels/sheet1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6.bin"/></Relationships>
</file>

<file path=xl/worksheets/_rels/sheet1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7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tabColor theme="2"/>
  </sheetPr>
  <dimension ref="A1:D8"/>
  <sheetViews>
    <sheetView showGridLines="0" tabSelected="1" workbookViewId="0"/>
  </sheetViews>
  <sheetFormatPr defaultRowHeight="12.75" x14ac:dyDescent="0.2"/>
  <sheetData>
    <row r="1" spans="1:4" ht="54.75" customHeight="1" x14ac:dyDescent="0.2"/>
    <row r="2" spans="1:4" ht="15.75" x14ac:dyDescent="0.25">
      <c r="A2" s="2" t="s">
        <v>0</v>
      </c>
    </row>
    <row r="3" spans="1:4" ht="15.75" x14ac:dyDescent="0.25">
      <c r="A3" s="2"/>
    </row>
    <row r="4" spans="1:4" x14ac:dyDescent="0.2">
      <c r="A4" s="3" t="s">
        <v>159</v>
      </c>
    </row>
    <row r="6" spans="1:4" x14ac:dyDescent="0.2">
      <c r="A6" t="s">
        <v>1</v>
      </c>
    </row>
    <row r="8" spans="1:4" x14ac:dyDescent="0.2">
      <c r="A8" t="s">
        <v>2</v>
      </c>
      <c r="D8" s="11" t="s">
        <v>130</v>
      </c>
    </row>
  </sheetData>
  <hyperlinks>
    <hyperlink ref="D8" r:id="rId1" xr:uid="{F7215CD5-9EC0-45B6-BBCE-2A9C9D0524F3}"/>
  </hyperlinks>
  <pageMargins left="0.7" right="0.7" top="0.75" bottom="0.75" header="0.3" footer="0.3"/>
  <pageSetup paperSize="9" orientation="portrait" r:id="rId2"/>
  <headerFooter>
    <oddHeader>&amp;C&amp;"Calibri"&amp;12&amp;K000000  OFFICIAL&amp;1#_x000D_</oddHeader>
  </headerFooter>
  <drawing r:id="rId3"/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B36C5DA-B26D-4245-AD91-77B0C68EAC69}">
  <dimension ref="A1:D9"/>
  <sheetViews>
    <sheetView showGridLines="0" workbookViewId="0"/>
  </sheetViews>
  <sheetFormatPr defaultRowHeight="12.75" x14ac:dyDescent="0.2"/>
  <cols>
    <col min="1" max="1" width="43.7109375" customWidth="1"/>
    <col min="2" max="2" width="10.5703125" bestFit="1" customWidth="1"/>
  </cols>
  <sheetData>
    <row r="1" spans="1:4" x14ac:dyDescent="0.2">
      <c r="A1" s="1" t="s">
        <v>147</v>
      </c>
    </row>
    <row r="2" spans="1:4" x14ac:dyDescent="0.2">
      <c r="A2" t="s">
        <v>148</v>
      </c>
    </row>
    <row r="4" spans="1:4" x14ac:dyDescent="0.2">
      <c r="A4" s="7" t="s">
        <v>83</v>
      </c>
      <c r="B4" s="7" t="s">
        <v>102</v>
      </c>
      <c r="C4" s="7" t="s">
        <v>103</v>
      </c>
      <c r="D4" s="7" t="s">
        <v>104</v>
      </c>
    </row>
    <row r="5" spans="1:4" x14ac:dyDescent="0.2">
      <c r="A5" t="s">
        <v>99</v>
      </c>
      <c r="B5" s="25">
        <v>0.17469999999999999</v>
      </c>
      <c r="C5" s="25">
        <v>0.29620000000000002</v>
      </c>
      <c r="D5" s="25">
        <v>0.42630000000000001</v>
      </c>
    </row>
    <row r="6" spans="1:4" x14ac:dyDescent="0.2">
      <c r="A6" t="s">
        <v>100</v>
      </c>
      <c r="B6" s="25">
        <v>0.32579999999999998</v>
      </c>
      <c r="C6" s="25">
        <v>0.58879999999999999</v>
      </c>
      <c r="D6" s="25">
        <v>0.71140000000000003</v>
      </c>
    </row>
    <row r="7" spans="1:4" x14ac:dyDescent="0.2">
      <c r="A7" s="24" t="s">
        <v>101</v>
      </c>
      <c r="B7" s="25">
        <v>0.33489999999999998</v>
      </c>
      <c r="C7" s="25">
        <v>0.16170000000000001</v>
      </c>
      <c r="D7" s="25">
        <v>7.6300000000000007E-2</v>
      </c>
    </row>
    <row r="8" spans="1:4" ht="16.5" customHeight="1" x14ac:dyDescent="0.2"/>
    <row r="9" spans="1:4" x14ac:dyDescent="0.2">
      <c r="A9" s="28" t="s">
        <v>149</v>
      </c>
    </row>
  </sheetData>
  <pageMargins left="0.7" right="0.7" top="0.75" bottom="0.75" header="0.3" footer="0.3"/>
  <pageSetup paperSize="9" orientation="portrait" r:id="rId1"/>
</worksheet>
</file>

<file path=xl/worksheets/sheet1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D17C9CA-354F-4A83-B1FC-99668E3C9917}">
  <dimension ref="A1:K28"/>
  <sheetViews>
    <sheetView showGridLines="0" zoomScaleNormal="100" workbookViewId="0"/>
  </sheetViews>
  <sheetFormatPr defaultRowHeight="12.75" x14ac:dyDescent="0.2"/>
  <cols>
    <col min="1" max="1" width="25.85546875" customWidth="1"/>
    <col min="2" max="9" width="10.7109375" customWidth="1"/>
  </cols>
  <sheetData>
    <row r="1" spans="1:9" ht="15.75" x14ac:dyDescent="0.25">
      <c r="A1" s="1" t="s">
        <v>120</v>
      </c>
      <c r="B1" s="2"/>
    </row>
    <row r="2" spans="1:9" ht="15.75" x14ac:dyDescent="0.25">
      <c r="A2" s="1"/>
      <c r="B2" s="2"/>
    </row>
    <row r="3" spans="1:9" x14ac:dyDescent="0.2">
      <c r="A3" s="18"/>
      <c r="B3" s="7" t="s">
        <v>126</v>
      </c>
      <c r="C3" s="7"/>
      <c r="D3" s="7"/>
      <c r="E3" s="7"/>
      <c r="F3" s="7"/>
      <c r="G3" s="7"/>
      <c r="H3" s="7"/>
      <c r="I3" s="7"/>
    </row>
    <row r="4" spans="1:9" x14ac:dyDescent="0.2">
      <c r="A4" s="17" t="s">
        <v>39</v>
      </c>
      <c r="B4" s="7" t="s">
        <v>5</v>
      </c>
      <c r="C4" s="7" t="s">
        <v>6</v>
      </c>
      <c r="D4" s="7" t="s">
        <v>7</v>
      </c>
      <c r="E4" s="7" t="s">
        <v>10</v>
      </c>
      <c r="F4" s="7" t="s">
        <v>8</v>
      </c>
      <c r="G4" s="7" t="s">
        <v>9</v>
      </c>
      <c r="H4" s="7" t="s">
        <v>11</v>
      </c>
      <c r="I4" s="7" t="s">
        <v>12</v>
      </c>
    </row>
    <row r="5" spans="1:9" x14ac:dyDescent="0.2">
      <c r="A5" t="s">
        <v>13</v>
      </c>
      <c r="B5" s="20">
        <v>0</v>
      </c>
      <c r="C5" s="20">
        <v>0</v>
      </c>
      <c r="D5" s="20">
        <v>0</v>
      </c>
      <c r="E5" s="20">
        <v>0</v>
      </c>
      <c r="F5" s="20">
        <v>0</v>
      </c>
      <c r="G5" s="20">
        <v>0</v>
      </c>
      <c r="H5" s="20">
        <v>0</v>
      </c>
      <c r="I5" s="20">
        <v>0</v>
      </c>
    </row>
    <row r="6" spans="1:9" x14ac:dyDescent="0.2">
      <c r="A6" t="s">
        <v>14</v>
      </c>
      <c r="B6" s="20">
        <v>0</v>
      </c>
      <c r="C6" s="20">
        <v>0</v>
      </c>
      <c r="D6" s="20">
        <v>0</v>
      </c>
      <c r="E6" s="20">
        <v>0</v>
      </c>
      <c r="F6" s="20">
        <v>0.33</v>
      </c>
      <c r="G6" s="20">
        <v>0</v>
      </c>
      <c r="H6" s="20">
        <v>0</v>
      </c>
      <c r="I6" s="20">
        <v>0</v>
      </c>
    </row>
    <row r="7" spans="1:9" x14ac:dyDescent="0.2">
      <c r="A7" t="s">
        <v>15</v>
      </c>
      <c r="B7" s="20">
        <v>0</v>
      </c>
      <c r="C7" s="20">
        <v>0</v>
      </c>
      <c r="D7" s="20">
        <v>0</v>
      </c>
      <c r="E7" s="20">
        <v>0</v>
      </c>
      <c r="F7" s="20">
        <v>0.67</v>
      </c>
      <c r="G7" s="20">
        <v>0</v>
      </c>
      <c r="H7" s="20">
        <v>0</v>
      </c>
      <c r="I7" s="20">
        <v>0</v>
      </c>
    </row>
    <row r="8" spans="1:9" x14ac:dyDescent="0.2">
      <c r="A8" t="s">
        <v>16</v>
      </c>
      <c r="B8" s="20">
        <v>1.33</v>
      </c>
      <c r="C8" s="20">
        <v>1.33</v>
      </c>
      <c r="D8" s="20">
        <v>2</v>
      </c>
      <c r="E8" s="20">
        <v>1.33</v>
      </c>
      <c r="F8" s="20">
        <v>3.5</v>
      </c>
      <c r="G8" s="20">
        <v>1.83</v>
      </c>
      <c r="H8" s="20">
        <v>1.83</v>
      </c>
      <c r="I8" s="20">
        <v>2.33</v>
      </c>
    </row>
    <row r="9" spans="1:9" x14ac:dyDescent="0.2">
      <c r="A9" t="s">
        <v>17</v>
      </c>
      <c r="B9" s="20">
        <v>1.17</v>
      </c>
      <c r="C9" s="20">
        <v>1.33</v>
      </c>
      <c r="D9" s="20">
        <v>1.33</v>
      </c>
      <c r="E9" s="20">
        <v>0.67</v>
      </c>
      <c r="F9" s="20">
        <v>1.83</v>
      </c>
      <c r="G9" s="20">
        <v>0.67</v>
      </c>
      <c r="H9" s="20">
        <v>0.67</v>
      </c>
      <c r="I9" s="20">
        <v>1.33</v>
      </c>
    </row>
    <row r="10" spans="1:9" x14ac:dyDescent="0.2">
      <c r="A10" t="s">
        <v>18</v>
      </c>
      <c r="B10" s="20">
        <v>1.5</v>
      </c>
      <c r="C10" s="20">
        <v>1.5</v>
      </c>
      <c r="D10" s="20">
        <v>2.17</v>
      </c>
      <c r="E10" s="20">
        <v>2.17</v>
      </c>
      <c r="F10" s="20">
        <v>1.5</v>
      </c>
      <c r="G10" s="20">
        <v>1.5</v>
      </c>
      <c r="H10" s="20">
        <v>2.17</v>
      </c>
      <c r="I10" s="20">
        <v>1.5</v>
      </c>
    </row>
    <row r="11" spans="1:9" x14ac:dyDescent="0.2">
      <c r="A11" t="s">
        <v>19</v>
      </c>
      <c r="B11" s="20">
        <v>1.92</v>
      </c>
      <c r="C11" s="20">
        <v>0</v>
      </c>
      <c r="D11" s="20">
        <v>0</v>
      </c>
      <c r="E11" s="20">
        <v>0</v>
      </c>
      <c r="F11" s="20">
        <v>1.25</v>
      </c>
      <c r="G11" s="20">
        <v>0</v>
      </c>
      <c r="H11" s="20">
        <v>0</v>
      </c>
      <c r="I11" s="20">
        <v>0</v>
      </c>
    </row>
    <row r="12" spans="1:9" x14ac:dyDescent="0.2">
      <c r="A12" t="s">
        <v>20</v>
      </c>
      <c r="B12" s="20">
        <v>0.93</v>
      </c>
      <c r="C12" s="20">
        <v>1.17</v>
      </c>
      <c r="D12" s="20">
        <v>1.08</v>
      </c>
      <c r="E12" s="20">
        <v>0.17</v>
      </c>
      <c r="F12" s="20">
        <v>0.41</v>
      </c>
      <c r="G12" s="20">
        <v>0</v>
      </c>
      <c r="H12" s="20">
        <v>0</v>
      </c>
      <c r="I12" s="20">
        <v>0</v>
      </c>
    </row>
    <row r="13" spans="1:9" x14ac:dyDescent="0.2">
      <c r="A13" t="s">
        <v>21</v>
      </c>
      <c r="B13" s="20">
        <v>0.83</v>
      </c>
      <c r="C13" s="20">
        <v>1.92</v>
      </c>
      <c r="D13" s="20">
        <v>1.5</v>
      </c>
      <c r="E13" s="20">
        <v>0.83</v>
      </c>
      <c r="F13" s="20">
        <v>0.83</v>
      </c>
      <c r="G13" s="20">
        <v>0.83</v>
      </c>
      <c r="H13" s="20">
        <v>1.5</v>
      </c>
      <c r="I13" s="20">
        <v>0.83</v>
      </c>
    </row>
    <row r="14" spans="1:9" x14ac:dyDescent="0.2">
      <c r="A14" t="s">
        <v>22</v>
      </c>
      <c r="B14" s="20">
        <v>0.67</v>
      </c>
      <c r="C14" s="20">
        <v>1.92</v>
      </c>
      <c r="D14" s="20">
        <v>1.75</v>
      </c>
      <c r="E14" s="20">
        <v>0.57999999999999996</v>
      </c>
      <c r="F14" s="20">
        <v>0.83</v>
      </c>
      <c r="G14" s="20">
        <v>0.83</v>
      </c>
      <c r="H14" s="20">
        <v>1.25</v>
      </c>
      <c r="I14" s="20">
        <v>0.83</v>
      </c>
    </row>
    <row r="15" spans="1:9" x14ac:dyDescent="0.2">
      <c r="A15" t="s">
        <v>23</v>
      </c>
      <c r="B15" s="20">
        <v>0.83</v>
      </c>
      <c r="C15" s="20">
        <v>2.58</v>
      </c>
      <c r="D15" s="20">
        <v>1.5</v>
      </c>
      <c r="E15" s="20">
        <v>0.83</v>
      </c>
      <c r="F15" s="20">
        <v>0.83</v>
      </c>
      <c r="G15" s="20">
        <v>0.83</v>
      </c>
      <c r="H15" s="20">
        <v>1.5</v>
      </c>
      <c r="I15" s="20">
        <v>0.93</v>
      </c>
    </row>
    <row r="16" spans="1:9" x14ac:dyDescent="0.2">
      <c r="A16" t="s">
        <v>24</v>
      </c>
      <c r="B16" s="20">
        <v>0.71</v>
      </c>
      <c r="C16" s="20">
        <v>0.71</v>
      </c>
      <c r="D16" s="20">
        <v>0.71</v>
      </c>
      <c r="E16" s="20">
        <v>0.71</v>
      </c>
      <c r="F16" s="20">
        <v>0.71</v>
      </c>
      <c r="G16" s="20">
        <v>0.71</v>
      </c>
      <c r="H16" s="20">
        <v>0.71</v>
      </c>
      <c r="I16" s="20">
        <v>0.71</v>
      </c>
    </row>
    <row r="17" spans="1:11" x14ac:dyDescent="0.2">
      <c r="A17" t="s">
        <v>25</v>
      </c>
      <c r="B17" s="20">
        <v>0.67</v>
      </c>
      <c r="C17" s="20">
        <v>0.67</v>
      </c>
      <c r="D17" s="20">
        <v>0.67</v>
      </c>
      <c r="E17" s="20">
        <v>0.67</v>
      </c>
      <c r="F17" s="20">
        <v>0.67</v>
      </c>
      <c r="G17" s="20">
        <v>0.67</v>
      </c>
      <c r="H17" s="20">
        <v>0.67</v>
      </c>
      <c r="I17" s="20">
        <v>0.67</v>
      </c>
    </row>
    <row r="18" spans="1:11" x14ac:dyDescent="0.2">
      <c r="A18" t="s">
        <v>26</v>
      </c>
      <c r="B18" s="20">
        <v>0</v>
      </c>
      <c r="C18" s="20">
        <v>0</v>
      </c>
      <c r="D18" s="20">
        <v>0</v>
      </c>
      <c r="E18" s="20">
        <v>0</v>
      </c>
      <c r="F18" s="20">
        <v>0</v>
      </c>
      <c r="G18" s="20">
        <v>0</v>
      </c>
      <c r="H18" s="20">
        <v>0</v>
      </c>
      <c r="I18" s="20">
        <v>0</v>
      </c>
    </row>
    <row r="19" spans="1:11" x14ac:dyDescent="0.2">
      <c r="A19" t="s">
        <v>27</v>
      </c>
      <c r="B19" s="20">
        <v>0.71</v>
      </c>
      <c r="C19" s="20">
        <v>0.71</v>
      </c>
      <c r="D19" s="20">
        <v>1.04</v>
      </c>
      <c r="E19" s="20">
        <v>0.71</v>
      </c>
      <c r="F19" s="20">
        <v>0.71</v>
      </c>
      <c r="G19" s="20">
        <v>0.71</v>
      </c>
      <c r="H19" s="20">
        <v>0.71</v>
      </c>
      <c r="I19" s="20">
        <v>1.04</v>
      </c>
    </row>
    <row r="20" spans="1:11" x14ac:dyDescent="0.2">
      <c r="A20" t="s">
        <v>28</v>
      </c>
      <c r="B20" s="20">
        <v>0.93</v>
      </c>
      <c r="C20" s="20">
        <v>0.93</v>
      </c>
      <c r="D20" s="20">
        <v>1.4</v>
      </c>
      <c r="E20" s="20">
        <v>1.4</v>
      </c>
      <c r="F20" s="20">
        <v>0</v>
      </c>
      <c r="G20" s="20">
        <v>0.93</v>
      </c>
      <c r="H20" s="20">
        <v>0.93</v>
      </c>
      <c r="I20" s="20">
        <v>0</v>
      </c>
    </row>
    <row r="21" spans="1:11" x14ac:dyDescent="0.2">
      <c r="A21" t="s">
        <v>29</v>
      </c>
      <c r="B21" s="20">
        <v>1.25</v>
      </c>
      <c r="C21" s="20">
        <v>1.25</v>
      </c>
      <c r="D21" s="20">
        <v>1.25</v>
      </c>
      <c r="E21" s="20">
        <v>1.42</v>
      </c>
      <c r="F21" s="20">
        <v>1.33</v>
      </c>
      <c r="G21" s="20">
        <v>1.33</v>
      </c>
      <c r="H21" s="20">
        <v>1.33</v>
      </c>
      <c r="I21" s="20">
        <v>1.33</v>
      </c>
    </row>
    <row r="22" spans="1:11" x14ac:dyDescent="0.2">
      <c r="A22" t="s">
        <v>128</v>
      </c>
      <c r="B22" s="20">
        <v>1.75</v>
      </c>
      <c r="C22" s="20">
        <v>1.08</v>
      </c>
      <c r="D22" s="20">
        <v>1.92</v>
      </c>
      <c r="E22" s="20">
        <v>1.5</v>
      </c>
      <c r="F22" s="20">
        <v>1</v>
      </c>
      <c r="G22" s="20">
        <v>2.25</v>
      </c>
      <c r="H22" s="20">
        <v>1.75</v>
      </c>
      <c r="I22" s="20">
        <v>1.25</v>
      </c>
    </row>
    <row r="23" spans="1:11" x14ac:dyDescent="0.2">
      <c r="A23" t="s">
        <v>30</v>
      </c>
      <c r="B23" s="20">
        <v>2.17</v>
      </c>
      <c r="C23" s="20">
        <v>2.17</v>
      </c>
      <c r="D23" s="20">
        <v>2.17</v>
      </c>
      <c r="E23" s="20">
        <v>2.17</v>
      </c>
      <c r="F23" s="20">
        <v>2.17</v>
      </c>
      <c r="G23" s="20">
        <v>2.17</v>
      </c>
      <c r="H23" s="20">
        <v>2.17</v>
      </c>
      <c r="I23" s="20">
        <v>2.17</v>
      </c>
    </row>
    <row r="24" spans="1:11" x14ac:dyDescent="0.2">
      <c r="A24" t="s">
        <v>31</v>
      </c>
      <c r="B24" s="20">
        <v>2.17</v>
      </c>
      <c r="C24" s="20">
        <v>2.17</v>
      </c>
      <c r="D24" s="20">
        <v>2.17</v>
      </c>
      <c r="E24" s="20">
        <v>2.17</v>
      </c>
      <c r="F24" s="20">
        <v>2.17</v>
      </c>
      <c r="G24" s="20">
        <v>2.17</v>
      </c>
      <c r="H24" s="20">
        <v>2.17</v>
      </c>
      <c r="I24" s="20">
        <v>2.17</v>
      </c>
    </row>
    <row r="25" spans="1:11" x14ac:dyDescent="0.2">
      <c r="A25" t="s">
        <v>32</v>
      </c>
      <c r="B25" s="20">
        <v>2.08</v>
      </c>
      <c r="C25" s="20">
        <v>2.08</v>
      </c>
      <c r="D25" s="20">
        <v>1.42</v>
      </c>
      <c r="E25" s="20">
        <v>2.08</v>
      </c>
      <c r="F25" s="20">
        <v>2.08</v>
      </c>
      <c r="G25" s="20">
        <v>1.42</v>
      </c>
      <c r="H25" s="20">
        <v>1.42</v>
      </c>
      <c r="I25" s="20">
        <v>1.42</v>
      </c>
      <c r="K25" t="s">
        <v>41</v>
      </c>
    </row>
    <row r="26" spans="1:11" ht="14.25" x14ac:dyDescent="0.2">
      <c r="A26" s="5"/>
      <c r="B26" s="12"/>
      <c r="C26" s="12"/>
      <c r="D26" s="13"/>
      <c r="E26" s="14"/>
      <c r="F26" s="14"/>
      <c r="G26" s="15"/>
      <c r="H26" s="15"/>
      <c r="I26" s="15"/>
    </row>
    <row r="27" spans="1:11" ht="14.25" x14ac:dyDescent="0.2">
      <c r="A27" s="5" t="s">
        <v>151</v>
      </c>
      <c r="B27" s="6"/>
      <c r="C27" s="6"/>
      <c r="D27" s="4"/>
      <c r="E27" s="8"/>
      <c r="F27" s="8"/>
    </row>
    <row r="28" spans="1:11" ht="14.25" x14ac:dyDescent="0.2">
      <c r="A28" s="5"/>
      <c r="B28" s="6"/>
      <c r="C28" s="6"/>
      <c r="D28" s="4"/>
      <c r="E28" s="8"/>
      <c r="F28" s="8"/>
    </row>
  </sheetData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1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046A7FF-4338-49F1-99BE-98E41BA3DE9E}">
  <dimension ref="A1:D13"/>
  <sheetViews>
    <sheetView showGridLines="0" workbookViewId="0"/>
  </sheetViews>
  <sheetFormatPr defaultRowHeight="12.75" x14ac:dyDescent="0.2"/>
  <cols>
    <col min="2" max="2" width="14.28515625" bestFit="1" customWidth="1"/>
    <col min="3" max="3" width="28.7109375" customWidth="1"/>
    <col min="4" max="4" width="36.5703125" customWidth="1"/>
  </cols>
  <sheetData>
    <row r="1" spans="1:4" x14ac:dyDescent="0.2">
      <c r="A1" s="1" t="s">
        <v>119</v>
      </c>
    </row>
    <row r="3" spans="1:4" ht="27.75" customHeight="1" x14ac:dyDescent="0.2">
      <c r="A3" s="7" t="s">
        <v>33</v>
      </c>
      <c r="B3" s="7" t="s">
        <v>40</v>
      </c>
      <c r="C3" s="16" t="s">
        <v>34</v>
      </c>
      <c r="D3" s="16" t="s">
        <v>125</v>
      </c>
    </row>
    <row r="4" spans="1:4" x14ac:dyDescent="0.2">
      <c r="A4" t="s">
        <v>35</v>
      </c>
      <c r="B4" t="s">
        <v>6</v>
      </c>
      <c r="C4">
        <v>0.28000000000000003</v>
      </c>
      <c r="D4">
        <v>6.5</v>
      </c>
    </row>
    <row r="5" spans="1:4" x14ac:dyDescent="0.2">
      <c r="A5" t="s">
        <v>35</v>
      </c>
      <c r="B5" t="s">
        <v>7</v>
      </c>
      <c r="C5">
        <v>0.69</v>
      </c>
      <c r="D5">
        <v>9.6</v>
      </c>
    </row>
    <row r="6" spans="1:4" x14ac:dyDescent="0.2">
      <c r="A6" t="s">
        <v>35</v>
      </c>
      <c r="B6" t="s">
        <v>8</v>
      </c>
      <c r="C6">
        <v>0.28000000000000003</v>
      </c>
      <c r="D6">
        <v>8.1</v>
      </c>
    </row>
    <row r="7" spans="1:4" x14ac:dyDescent="0.2">
      <c r="A7" t="s">
        <v>35</v>
      </c>
      <c r="B7" t="s">
        <v>9</v>
      </c>
      <c r="C7">
        <v>0.04</v>
      </c>
      <c r="D7">
        <v>9.8000000000000007</v>
      </c>
    </row>
    <row r="8" spans="1:4" x14ac:dyDescent="0.2">
      <c r="A8" t="s">
        <v>35</v>
      </c>
      <c r="B8" t="s">
        <v>12</v>
      </c>
      <c r="C8">
        <v>0.14000000000000001</v>
      </c>
      <c r="D8">
        <v>8.1999999999999993</v>
      </c>
    </row>
    <row r="9" spans="1:4" x14ac:dyDescent="0.2">
      <c r="A9" t="s">
        <v>36</v>
      </c>
      <c r="B9" t="s">
        <v>5</v>
      </c>
      <c r="C9">
        <v>0.33</v>
      </c>
      <c r="D9">
        <v>9.1999999999999993</v>
      </c>
    </row>
    <row r="10" spans="1:4" x14ac:dyDescent="0.2">
      <c r="A10" t="s">
        <v>36</v>
      </c>
      <c r="B10" t="s">
        <v>10</v>
      </c>
      <c r="C10">
        <v>0.56999999999999995</v>
      </c>
      <c r="D10">
        <v>11.4</v>
      </c>
    </row>
    <row r="11" spans="1:4" x14ac:dyDescent="0.2">
      <c r="A11" t="s">
        <v>36</v>
      </c>
      <c r="B11" t="s">
        <v>11</v>
      </c>
      <c r="C11">
        <v>0.33</v>
      </c>
      <c r="D11">
        <v>10.6</v>
      </c>
    </row>
    <row r="13" spans="1:4" x14ac:dyDescent="0.2">
      <c r="A13" t="s">
        <v>152</v>
      </c>
    </row>
  </sheetData>
  <pageMargins left="0.7" right="0.7" top="0.75" bottom="0.75" header="0.3" footer="0.3"/>
  <pageSetup paperSize="9" orientation="portrait" r:id="rId1"/>
</worksheet>
</file>

<file path=xl/worksheets/sheet1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4BD7928-3807-4346-AC78-D7E5E7254773}">
  <dimension ref="A1:B13"/>
  <sheetViews>
    <sheetView showGridLines="0" workbookViewId="0"/>
  </sheetViews>
  <sheetFormatPr defaultRowHeight="12.75" x14ac:dyDescent="0.2"/>
  <cols>
    <col min="1" max="1" width="14.85546875" customWidth="1"/>
    <col min="2" max="2" width="35.7109375" customWidth="1"/>
  </cols>
  <sheetData>
    <row r="1" spans="1:2" x14ac:dyDescent="0.2">
      <c r="A1" s="1" t="s">
        <v>121</v>
      </c>
    </row>
    <row r="3" spans="1:2" ht="27" customHeight="1" x14ac:dyDescent="0.2">
      <c r="A3" s="7" t="s">
        <v>40</v>
      </c>
      <c r="B3" s="16" t="s">
        <v>37</v>
      </c>
    </row>
    <row r="4" spans="1:2" x14ac:dyDescent="0.2">
      <c r="A4" t="s">
        <v>5</v>
      </c>
      <c r="B4">
        <v>1.86</v>
      </c>
    </row>
    <row r="5" spans="1:2" x14ac:dyDescent="0.2">
      <c r="A5" t="s">
        <v>6</v>
      </c>
      <c r="B5">
        <v>1.41</v>
      </c>
    </row>
    <row r="6" spans="1:2" x14ac:dyDescent="0.2">
      <c r="A6" t="s">
        <v>7</v>
      </c>
      <c r="B6">
        <v>1.91</v>
      </c>
    </row>
    <row r="7" spans="1:2" x14ac:dyDescent="0.2">
      <c r="A7" t="s">
        <v>10</v>
      </c>
      <c r="B7">
        <v>1.45</v>
      </c>
    </row>
    <row r="8" spans="1:2" x14ac:dyDescent="0.2">
      <c r="A8" t="s">
        <v>8</v>
      </c>
      <c r="B8">
        <v>2.09</v>
      </c>
    </row>
    <row r="9" spans="1:2" x14ac:dyDescent="0.2">
      <c r="A9" t="s">
        <v>9</v>
      </c>
      <c r="B9">
        <v>1.91</v>
      </c>
    </row>
    <row r="10" spans="1:2" x14ac:dyDescent="0.2">
      <c r="A10" t="s">
        <v>11</v>
      </c>
      <c r="B10">
        <v>1.82</v>
      </c>
    </row>
    <row r="11" spans="1:2" x14ac:dyDescent="0.2">
      <c r="A11" t="s">
        <v>12</v>
      </c>
      <c r="B11">
        <v>1.77</v>
      </c>
    </row>
    <row r="13" spans="1:2" x14ac:dyDescent="0.2">
      <c r="A13" t="s">
        <v>151</v>
      </c>
    </row>
  </sheetData>
  <pageMargins left="0.7" right="0.7" top="0.75" bottom="0.75" header="0.3" footer="0.3"/>
  <pageSetup paperSize="9" orientation="portrait" r:id="rId1"/>
</worksheet>
</file>

<file path=xl/worksheets/sheet1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01F68B2-05F2-4ACC-9358-4411FBEE0565}">
  <dimension ref="A1:C17"/>
  <sheetViews>
    <sheetView showGridLines="0" workbookViewId="0"/>
  </sheetViews>
  <sheetFormatPr defaultRowHeight="12.75" x14ac:dyDescent="0.2"/>
  <cols>
    <col min="1" max="1" width="25.28515625" customWidth="1"/>
    <col min="2" max="2" width="35.28515625" customWidth="1"/>
    <col min="3" max="3" width="35.5703125" customWidth="1"/>
  </cols>
  <sheetData>
    <row r="1" spans="1:3" x14ac:dyDescent="0.2">
      <c r="A1" s="1" t="s">
        <v>142</v>
      </c>
    </row>
    <row r="3" spans="1:3" x14ac:dyDescent="0.2">
      <c r="A3" s="7" t="s">
        <v>40</v>
      </c>
      <c r="B3" s="7" t="s">
        <v>53</v>
      </c>
      <c r="C3" s="7" t="s">
        <v>54</v>
      </c>
    </row>
    <row r="4" spans="1:3" x14ac:dyDescent="0.2">
      <c r="A4" t="s">
        <v>5</v>
      </c>
      <c r="B4">
        <v>27.41</v>
      </c>
      <c r="C4">
        <v>28.22</v>
      </c>
    </row>
    <row r="5" spans="1:3" x14ac:dyDescent="0.2">
      <c r="A5" t="s">
        <v>6</v>
      </c>
      <c r="B5">
        <v>38.11</v>
      </c>
      <c r="C5">
        <v>42.56</v>
      </c>
    </row>
    <row r="6" spans="1:3" x14ac:dyDescent="0.2">
      <c r="A6" t="s">
        <v>7</v>
      </c>
      <c r="B6">
        <v>26.54</v>
      </c>
      <c r="C6">
        <v>26.94</v>
      </c>
    </row>
    <row r="7" spans="1:3" x14ac:dyDescent="0.2">
      <c r="A7" t="s">
        <v>10</v>
      </c>
      <c r="B7">
        <v>31.25</v>
      </c>
      <c r="C7">
        <v>28.12</v>
      </c>
    </row>
    <row r="8" spans="1:3" x14ac:dyDescent="0.2">
      <c r="A8" t="s">
        <v>8</v>
      </c>
      <c r="B8" s="20">
        <v>26.581238192317201</v>
      </c>
      <c r="C8">
        <v>29.56</v>
      </c>
    </row>
    <row r="9" spans="1:3" x14ac:dyDescent="0.2">
      <c r="A9" t="s">
        <v>9</v>
      </c>
      <c r="B9">
        <v>23.98</v>
      </c>
      <c r="C9">
        <v>26.74</v>
      </c>
    </row>
    <row r="10" spans="1:3" x14ac:dyDescent="0.2">
      <c r="A10" t="s">
        <v>11</v>
      </c>
      <c r="B10">
        <v>25.09</v>
      </c>
      <c r="C10">
        <v>27.08</v>
      </c>
    </row>
    <row r="11" spans="1:3" x14ac:dyDescent="0.2">
      <c r="A11" t="s">
        <v>12</v>
      </c>
      <c r="B11">
        <v>30.63</v>
      </c>
      <c r="C11">
        <v>26.61</v>
      </c>
    </row>
    <row r="12" spans="1:3" x14ac:dyDescent="0.2">
      <c r="A12" t="s">
        <v>38</v>
      </c>
      <c r="B12">
        <v>30.21</v>
      </c>
      <c r="C12">
        <v>31.65</v>
      </c>
    </row>
    <row r="14" spans="1:3" x14ac:dyDescent="0.2">
      <c r="A14" t="s">
        <v>153</v>
      </c>
    </row>
    <row r="17" spans="2:2" x14ac:dyDescent="0.2">
      <c r="B17" s="20"/>
    </row>
  </sheetData>
  <pageMargins left="0.7" right="0.7" top="0.75" bottom="0.75" header="0.3" footer="0.3"/>
  <pageSetup paperSize="9" orientation="portrait" r:id="rId1"/>
</worksheet>
</file>

<file path=xl/worksheets/sheet1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A7020FE-0ACC-4B0D-A4E2-2E5A2F4FFF11}">
  <dimension ref="A1:C14"/>
  <sheetViews>
    <sheetView showGridLines="0" workbookViewId="0"/>
  </sheetViews>
  <sheetFormatPr defaultRowHeight="12.75" x14ac:dyDescent="0.2"/>
  <cols>
    <col min="1" max="1" width="25.28515625" customWidth="1"/>
    <col min="2" max="3" width="35.85546875" bestFit="1" customWidth="1"/>
  </cols>
  <sheetData>
    <row r="1" spans="1:3" x14ac:dyDescent="0.2">
      <c r="A1" s="1" t="s">
        <v>143</v>
      </c>
    </row>
    <row r="3" spans="1:3" x14ac:dyDescent="0.2">
      <c r="A3" s="7" t="s">
        <v>40</v>
      </c>
      <c r="B3" s="7" t="s">
        <v>51</v>
      </c>
      <c r="C3" s="7" t="s">
        <v>52</v>
      </c>
    </row>
    <row r="4" spans="1:3" x14ac:dyDescent="0.2">
      <c r="A4" t="s">
        <v>5</v>
      </c>
      <c r="B4" s="20">
        <v>1088.8499999999999</v>
      </c>
      <c r="C4" s="20">
        <v>856.65</v>
      </c>
    </row>
    <row r="5" spans="1:3" x14ac:dyDescent="0.2">
      <c r="A5" t="s">
        <v>6</v>
      </c>
      <c r="B5" s="20">
        <v>1514</v>
      </c>
      <c r="C5" s="20">
        <v>1659.58</v>
      </c>
    </row>
    <row r="6" spans="1:3" x14ac:dyDescent="0.2">
      <c r="A6" t="s">
        <v>7</v>
      </c>
      <c r="B6" s="20">
        <v>1076.67</v>
      </c>
      <c r="C6" s="20">
        <v>1061.9100000000001</v>
      </c>
    </row>
    <row r="7" spans="1:3" x14ac:dyDescent="0.2">
      <c r="A7" t="s">
        <v>10</v>
      </c>
      <c r="B7" s="20">
        <v>1255.83</v>
      </c>
      <c r="C7" s="20">
        <v>1155.28</v>
      </c>
    </row>
    <row r="8" spans="1:3" x14ac:dyDescent="0.2">
      <c r="A8" t="s">
        <v>8</v>
      </c>
      <c r="B8" s="20">
        <v>1036.79</v>
      </c>
      <c r="C8" s="20">
        <v>1137.1500000000001</v>
      </c>
    </row>
    <row r="9" spans="1:3" x14ac:dyDescent="0.2">
      <c r="A9" t="s">
        <v>9</v>
      </c>
      <c r="B9" s="20">
        <v>908.4</v>
      </c>
      <c r="C9" s="20">
        <v>1012.86</v>
      </c>
    </row>
    <row r="10" spans="1:3" x14ac:dyDescent="0.2">
      <c r="A10" t="s">
        <v>11</v>
      </c>
      <c r="B10" s="20">
        <v>1039.1199999999999</v>
      </c>
      <c r="C10" s="20">
        <v>1066.69</v>
      </c>
    </row>
    <row r="11" spans="1:3" x14ac:dyDescent="0.2">
      <c r="A11" t="s">
        <v>12</v>
      </c>
      <c r="B11" s="20">
        <v>1266.22</v>
      </c>
      <c r="C11" s="20">
        <v>1116.57</v>
      </c>
    </row>
    <row r="12" spans="1:3" x14ac:dyDescent="0.2">
      <c r="A12" t="s">
        <v>38</v>
      </c>
      <c r="B12" s="20">
        <v>1205.73</v>
      </c>
      <c r="C12" s="20">
        <v>1165.78</v>
      </c>
    </row>
    <row r="14" spans="1:3" x14ac:dyDescent="0.2">
      <c r="A14" t="s">
        <v>153</v>
      </c>
    </row>
  </sheetData>
  <pageMargins left="0.7" right="0.7" top="0.75" bottom="0.75" header="0.3" footer="0.3"/>
  <pageSetup paperSize="9" orientation="portrait" r:id="rId1"/>
</worksheet>
</file>

<file path=xl/worksheets/sheet1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602FB6E-C636-4D96-922F-857D528885E3}">
  <dimension ref="A1:B14"/>
  <sheetViews>
    <sheetView showGridLines="0" workbookViewId="0"/>
  </sheetViews>
  <sheetFormatPr defaultRowHeight="12.75" x14ac:dyDescent="0.2"/>
  <cols>
    <col min="1" max="1" width="11.5703125" customWidth="1"/>
    <col min="2" max="2" width="30.140625" bestFit="1" customWidth="1"/>
  </cols>
  <sheetData>
    <row r="1" spans="1:2" x14ac:dyDescent="0.2">
      <c r="A1" s="1" t="s">
        <v>55</v>
      </c>
    </row>
    <row r="3" spans="1:2" x14ac:dyDescent="0.2">
      <c r="A3" s="7" t="s">
        <v>40</v>
      </c>
      <c r="B3" s="7" t="s">
        <v>124</v>
      </c>
    </row>
    <row r="4" spans="1:2" x14ac:dyDescent="0.2">
      <c r="A4" t="s">
        <v>5</v>
      </c>
      <c r="B4" s="19" t="s">
        <v>50</v>
      </c>
    </row>
    <row r="5" spans="1:2" x14ac:dyDescent="0.2">
      <c r="A5" t="s">
        <v>6</v>
      </c>
      <c r="B5" s="19" t="s">
        <v>42</v>
      </c>
    </row>
    <row r="6" spans="1:2" x14ac:dyDescent="0.2">
      <c r="A6" t="s">
        <v>7</v>
      </c>
      <c r="B6" s="19" t="s">
        <v>43</v>
      </c>
    </row>
    <row r="7" spans="1:2" x14ac:dyDescent="0.2">
      <c r="A7" t="s">
        <v>10</v>
      </c>
      <c r="B7" s="19" t="s">
        <v>45</v>
      </c>
    </row>
    <row r="8" spans="1:2" x14ac:dyDescent="0.2">
      <c r="A8" t="s">
        <v>8</v>
      </c>
      <c r="B8" s="19" t="s">
        <v>44</v>
      </c>
    </row>
    <row r="9" spans="1:2" x14ac:dyDescent="0.2">
      <c r="A9" t="s">
        <v>9</v>
      </c>
      <c r="B9" s="19" t="s">
        <v>46</v>
      </c>
    </row>
    <row r="10" spans="1:2" x14ac:dyDescent="0.2">
      <c r="A10" t="s">
        <v>11</v>
      </c>
      <c r="B10" s="19" t="s">
        <v>48</v>
      </c>
    </row>
    <row r="11" spans="1:2" x14ac:dyDescent="0.2">
      <c r="A11" t="s">
        <v>12</v>
      </c>
      <c r="B11" s="19" t="s">
        <v>47</v>
      </c>
    </row>
    <row r="12" spans="1:2" x14ac:dyDescent="0.2">
      <c r="A12" t="s">
        <v>38</v>
      </c>
      <c r="B12" s="19" t="s">
        <v>49</v>
      </c>
    </row>
    <row r="14" spans="1:2" x14ac:dyDescent="0.2">
      <c r="A14" t="s">
        <v>154</v>
      </c>
    </row>
  </sheetData>
  <pageMargins left="0.7" right="0.7" top="0.75" bottom="0.75" header="0.3" footer="0.3"/>
  <pageSetup paperSize="9" orientation="portrait" r:id="rId1"/>
</worksheet>
</file>

<file path=xl/worksheets/sheet1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B178D06-3691-4D92-B930-3A242256C758}">
  <dimension ref="A1:C10"/>
  <sheetViews>
    <sheetView showGridLines="0" workbookViewId="0"/>
  </sheetViews>
  <sheetFormatPr defaultRowHeight="12.75" x14ac:dyDescent="0.2"/>
  <cols>
    <col min="1" max="1" width="11" customWidth="1"/>
    <col min="2" max="2" width="12.140625" customWidth="1"/>
    <col min="3" max="3" width="15.7109375" customWidth="1"/>
  </cols>
  <sheetData>
    <row r="1" spans="1:3" x14ac:dyDescent="0.2">
      <c r="A1" s="1" t="s">
        <v>127</v>
      </c>
    </row>
    <row r="3" spans="1:3" x14ac:dyDescent="0.2">
      <c r="A3" s="7" t="s">
        <v>40</v>
      </c>
      <c r="B3" s="7" t="s">
        <v>123</v>
      </c>
      <c r="C3" s="7" t="s">
        <v>122</v>
      </c>
    </row>
    <row r="4" spans="1:3" x14ac:dyDescent="0.2">
      <c r="A4" t="s">
        <v>5</v>
      </c>
      <c r="B4">
        <v>1.66</v>
      </c>
      <c r="C4" t="s">
        <v>36</v>
      </c>
    </row>
    <row r="5" spans="1:3" x14ac:dyDescent="0.2">
      <c r="A5" t="s">
        <v>6</v>
      </c>
      <c r="B5">
        <v>1.1299999999999999</v>
      </c>
      <c r="C5" t="s">
        <v>35</v>
      </c>
    </row>
    <row r="6" spans="1:3" x14ac:dyDescent="0.2">
      <c r="A6" t="s">
        <v>7</v>
      </c>
      <c r="B6">
        <v>1.04</v>
      </c>
      <c r="C6" t="s">
        <v>35</v>
      </c>
    </row>
    <row r="7" spans="1:3" x14ac:dyDescent="0.2">
      <c r="A7" t="s">
        <v>10</v>
      </c>
      <c r="B7">
        <v>0.99</v>
      </c>
      <c r="C7" t="s">
        <v>35</v>
      </c>
    </row>
    <row r="8" spans="1:3" x14ac:dyDescent="0.2">
      <c r="A8" t="s">
        <v>8</v>
      </c>
      <c r="B8">
        <v>1.28</v>
      </c>
      <c r="C8" t="s">
        <v>36</v>
      </c>
    </row>
    <row r="10" spans="1:3" x14ac:dyDescent="0.2">
      <c r="A10" t="s">
        <v>155</v>
      </c>
    </row>
  </sheetData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103277C-7EA0-4C9D-B7FB-0186E4D75225}">
  <sheetPr>
    <tabColor theme="2" tint="0.79998168889431442"/>
  </sheetPr>
  <dimension ref="A1:C19"/>
  <sheetViews>
    <sheetView showGridLines="0" workbookViewId="0">
      <selection activeCell="A5" sqref="A5"/>
    </sheetView>
  </sheetViews>
  <sheetFormatPr defaultRowHeight="12.75" x14ac:dyDescent="0.2"/>
  <cols>
    <col min="1" max="1" width="24.5703125" bestFit="1" customWidth="1"/>
    <col min="2" max="2" width="110.28515625" bestFit="1" customWidth="1"/>
  </cols>
  <sheetData>
    <row r="1" spans="1:3" ht="15.75" x14ac:dyDescent="0.25">
      <c r="A1" s="2" t="s">
        <v>3</v>
      </c>
    </row>
    <row r="2" spans="1:3" x14ac:dyDescent="0.2">
      <c r="A2" s="9"/>
      <c r="B2" s="9"/>
      <c r="C2" s="9"/>
    </row>
    <row r="4" spans="1:3" x14ac:dyDescent="0.2">
      <c r="A4" s="10" t="s">
        <v>129</v>
      </c>
      <c r="B4" s="10" t="s">
        <v>4</v>
      </c>
    </row>
    <row r="5" spans="1:3" x14ac:dyDescent="0.2">
      <c r="A5" s="11" t="s">
        <v>94</v>
      </c>
      <c r="B5" t="s">
        <v>137</v>
      </c>
    </row>
    <row r="6" spans="1:3" x14ac:dyDescent="0.2">
      <c r="A6" s="11" t="s">
        <v>93</v>
      </c>
      <c r="B6" t="s">
        <v>138</v>
      </c>
    </row>
    <row r="7" spans="1:3" x14ac:dyDescent="0.2">
      <c r="A7" s="11" t="s">
        <v>92</v>
      </c>
      <c r="B7" t="s">
        <v>139</v>
      </c>
    </row>
    <row r="8" spans="1:3" x14ac:dyDescent="0.2">
      <c r="A8" s="11" t="s">
        <v>95</v>
      </c>
      <c r="B8" t="s">
        <v>97</v>
      </c>
    </row>
    <row r="9" spans="1:3" x14ac:dyDescent="0.2">
      <c r="A9" s="11" t="s">
        <v>96</v>
      </c>
      <c r="B9" t="s">
        <v>98</v>
      </c>
    </row>
    <row r="10" spans="1:3" x14ac:dyDescent="0.2">
      <c r="A10" s="11" t="s">
        <v>135</v>
      </c>
      <c r="B10" t="s">
        <v>116</v>
      </c>
    </row>
    <row r="11" spans="1:3" x14ac:dyDescent="0.2">
      <c r="A11" s="11" t="s">
        <v>136</v>
      </c>
      <c r="B11" t="s">
        <v>115</v>
      </c>
    </row>
    <row r="12" spans="1:3" x14ac:dyDescent="0.2">
      <c r="A12" s="11" t="s">
        <v>150</v>
      </c>
      <c r="B12" t="s">
        <v>117</v>
      </c>
    </row>
    <row r="13" spans="1:3" x14ac:dyDescent="0.2">
      <c r="A13" s="21" t="s">
        <v>56</v>
      </c>
      <c r="B13" t="s">
        <v>57</v>
      </c>
    </row>
    <row r="14" spans="1:3" x14ac:dyDescent="0.2">
      <c r="A14" s="21" t="s">
        <v>58</v>
      </c>
      <c r="B14" t="s">
        <v>64</v>
      </c>
    </row>
    <row r="15" spans="1:3" x14ac:dyDescent="0.2">
      <c r="A15" s="21" t="s">
        <v>59</v>
      </c>
      <c r="B15" t="s">
        <v>65</v>
      </c>
    </row>
    <row r="16" spans="1:3" x14ac:dyDescent="0.2">
      <c r="A16" s="21" t="s">
        <v>60</v>
      </c>
      <c r="B16" t="s">
        <v>141</v>
      </c>
    </row>
    <row r="17" spans="1:2" x14ac:dyDescent="0.2">
      <c r="A17" s="21" t="s">
        <v>61</v>
      </c>
      <c r="B17" t="s">
        <v>140</v>
      </c>
    </row>
    <row r="18" spans="1:2" x14ac:dyDescent="0.2">
      <c r="A18" s="21" t="s">
        <v>62</v>
      </c>
      <c r="B18" t="s">
        <v>66</v>
      </c>
    </row>
    <row r="19" spans="1:2" x14ac:dyDescent="0.2">
      <c r="A19" s="21" t="s">
        <v>63</v>
      </c>
      <c r="B19" t="s">
        <v>118</v>
      </c>
    </row>
  </sheetData>
  <hyperlinks>
    <hyperlink ref="A13" location="'Figure 3.1'!A1" display="Figure 3.1" xr:uid="{E33B56BB-5086-4A8D-9DA4-C554C0E7C793}"/>
    <hyperlink ref="A14" location="'Box 3.6'!A1" display="Box 3.6" xr:uid="{7FEC3F9D-F02A-4109-A1D7-93358F57FAB2}"/>
    <hyperlink ref="A15" location="'Figure 3.2'!A1" display="Figure 3.2" xr:uid="{8CEA0FBB-2451-4933-8C7C-AFA4F1098964}"/>
    <hyperlink ref="A16" location="'Box 3.10 (left panel)'!A1" display="Box 3.10 (left panel)" xr:uid="{61C6EDBA-9E51-47DD-A9D2-444157AF4B29}"/>
    <hyperlink ref="A17" location="'Box 3.10 (right panel)'!A1" display="Box 3.10 (right panel)" xr:uid="{43608CAD-A535-430F-AAFE-6835DEC0508F}"/>
    <hyperlink ref="A18" location="'Box 3.10 table'!A1" display="Box 3.10 table" xr:uid="{364D391D-8BD0-4CEA-90B3-CDF22CD93E8E}"/>
    <hyperlink ref="A19" location="'Figure B.1'!A1" display="Figure B.1" xr:uid="{39C1F7D0-EE15-47C8-8B5E-9B4473D5B9B9}"/>
    <hyperlink ref="A5" location="'Figure 1.1 (panel a)'!A1" display="Figure 1.1 (panel a)" xr:uid="{67757220-0D88-4CDC-B204-B9AE92AD5989}"/>
    <hyperlink ref="A6" location="'Figure 1.1 (panel b)'!A1" display="Figure 1.1 (panel b)" xr:uid="{A15A4D7A-C375-4EB1-B2C0-0B59D80A56BC}"/>
    <hyperlink ref="A7" location="'Figure 1.1 (panel c)'!A1" display="Figure 1.1 (panel c)" xr:uid="{E8D0F722-C7CF-4407-B66D-1FD7EC0FC893}"/>
    <hyperlink ref="A8" location="'Figure 1.2'!A1" display="Figure 1.2" xr:uid="{50B4ECD2-E96B-47CB-AE5E-CFA6B9EC1B3D}"/>
    <hyperlink ref="A9" location="'Figure 1.3'!A1" display="Figure 1.3" xr:uid="{E42785D0-84FB-4081-B79C-2127F2FBF6BF}"/>
    <hyperlink ref="A10" location="'Figure 2.3 (panel a)'!A1" display="Figure 2.3 (panel a)" xr:uid="{293B3CD3-EE7E-4071-85D2-865A8A61C881}"/>
    <hyperlink ref="A11" location="'Figure 2.3 (panel b)'!A1" display="Figure 2.3 (panel b)" xr:uid="{A52E8A92-DE97-4107-8DEF-FC7291000A74}"/>
    <hyperlink ref="A12" location="'Figure 2.4'!A1" display="Figure 2.5" xr:uid="{24558982-80BF-43B8-A430-79652B3D98A1}"/>
  </hyperlinks>
  <pageMargins left="0.7" right="0.7" top="0.75" bottom="0.75" header="0.3" footer="0.3"/>
  <pageSetup paperSize="9" orientation="portrait" r:id="rId1"/>
  <headerFooter>
    <oddHeader>&amp;C&amp;"Calibri"&amp;12&amp;K000000  OFFICIAL&amp;1#_x000D_</oddHeader>
  </headerFooter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5656CFC-5EC8-4BE1-816B-7C5D949C91A5}">
  <dimension ref="A1:J21"/>
  <sheetViews>
    <sheetView showGridLines="0" workbookViewId="0"/>
  </sheetViews>
  <sheetFormatPr defaultRowHeight="12.75" x14ac:dyDescent="0.2"/>
  <cols>
    <col min="2" max="2" width="10.7109375" bestFit="1" customWidth="1"/>
    <col min="3" max="3" width="10.42578125" bestFit="1" customWidth="1"/>
    <col min="5" max="5" width="10.7109375" bestFit="1" customWidth="1"/>
    <col min="6" max="6" width="10.42578125" bestFit="1" customWidth="1"/>
    <col min="8" max="8" width="10.7109375" bestFit="1" customWidth="1"/>
    <col min="9" max="9" width="10.42578125" bestFit="1" customWidth="1"/>
    <col min="10" max="10" width="9.140625" bestFit="1" customWidth="1"/>
  </cols>
  <sheetData>
    <row r="1" spans="1:10" x14ac:dyDescent="0.2">
      <c r="A1" s="1" t="s">
        <v>67</v>
      </c>
    </row>
    <row r="2" spans="1:10" x14ac:dyDescent="0.2">
      <c r="A2" t="s">
        <v>131</v>
      </c>
    </row>
    <row r="4" spans="1:10" x14ac:dyDescent="0.2">
      <c r="A4" s="18"/>
      <c r="B4" s="31" t="s">
        <v>72</v>
      </c>
      <c r="C4" s="31"/>
      <c r="D4" s="31"/>
    </row>
    <row r="5" spans="1:10" x14ac:dyDescent="0.2">
      <c r="A5" s="17" t="s">
        <v>68</v>
      </c>
      <c r="B5" s="7" t="s">
        <v>69</v>
      </c>
      <c r="C5" s="7" t="s">
        <v>70</v>
      </c>
      <c r="D5" s="7" t="s">
        <v>71</v>
      </c>
    </row>
    <row r="6" spans="1:10" x14ac:dyDescent="0.2">
      <c r="A6">
        <v>2008</v>
      </c>
      <c r="B6" s="20">
        <v>19.2</v>
      </c>
      <c r="C6" s="20">
        <v>3.93</v>
      </c>
      <c r="D6">
        <v>0.86</v>
      </c>
      <c r="E6" s="20"/>
      <c r="F6" s="20"/>
      <c r="G6" s="20"/>
      <c r="H6" s="20"/>
      <c r="I6" s="20"/>
      <c r="J6" s="20"/>
    </row>
    <row r="7" spans="1:10" x14ac:dyDescent="0.2">
      <c r="A7">
        <v>2009</v>
      </c>
      <c r="B7" s="20">
        <v>20.56</v>
      </c>
      <c r="C7" s="20">
        <v>3.59</v>
      </c>
      <c r="D7">
        <v>0.94</v>
      </c>
      <c r="E7" s="20"/>
      <c r="F7" s="20"/>
      <c r="G7" s="20"/>
      <c r="H7" s="20"/>
      <c r="I7" s="20"/>
      <c r="J7" s="20"/>
    </row>
    <row r="8" spans="1:10" x14ac:dyDescent="0.2">
      <c r="A8">
        <v>2010</v>
      </c>
      <c r="B8" s="20">
        <v>19.84</v>
      </c>
      <c r="C8" s="20">
        <v>3.43</v>
      </c>
      <c r="D8">
        <v>0.73</v>
      </c>
      <c r="E8" s="20"/>
      <c r="F8" s="20"/>
      <c r="G8" s="20"/>
      <c r="H8" s="20"/>
      <c r="I8" s="20"/>
      <c r="J8" s="20"/>
    </row>
    <row r="9" spans="1:10" x14ac:dyDescent="0.2">
      <c r="A9">
        <v>2011</v>
      </c>
      <c r="B9" s="20">
        <v>19.420000000000002</v>
      </c>
      <c r="C9" s="20">
        <v>3.28</v>
      </c>
      <c r="D9">
        <v>0.67</v>
      </c>
      <c r="E9" s="20"/>
      <c r="F9" s="20"/>
      <c r="G9" s="20"/>
      <c r="H9" s="20"/>
      <c r="I9" s="20"/>
      <c r="J9" s="20"/>
    </row>
    <row r="10" spans="1:10" x14ac:dyDescent="0.2">
      <c r="A10">
        <v>2012</v>
      </c>
      <c r="B10" s="20">
        <v>22.12</v>
      </c>
      <c r="C10" s="20">
        <v>4.18</v>
      </c>
      <c r="D10">
        <v>0.72</v>
      </c>
      <c r="E10" s="20"/>
      <c r="F10" s="20"/>
      <c r="G10" s="20"/>
      <c r="H10" s="20"/>
      <c r="I10" s="20"/>
      <c r="J10" s="20"/>
    </row>
    <row r="11" spans="1:10" x14ac:dyDescent="0.2">
      <c r="A11">
        <v>2013</v>
      </c>
      <c r="B11" s="20">
        <v>20.62</v>
      </c>
      <c r="C11" s="20">
        <v>3.66</v>
      </c>
      <c r="D11">
        <v>0.61</v>
      </c>
      <c r="E11" s="20"/>
      <c r="F11" s="20"/>
      <c r="G11" s="20"/>
      <c r="H11" s="20"/>
      <c r="I11" s="20"/>
      <c r="J11" s="20"/>
    </row>
    <row r="12" spans="1:10" x14ac:dyDescent="0.2">
      <c r="A12">
        <v>2014</v>
      </c>
      <c r="B12" s="20">
        <v>17.440000000000001</v>
      </c>
      <c r="C12" s="20">
        <v>3.23</v>
      </c>
      <c r="D12">
        <v>0.64</v>
      </c>
      <c r="E12" s="20"/>
      <c r="F12" s="20"/>
      <c r="G12" s="20"/>
      <c r="H12" s="20"/>
      <c r="I12" s="20"/>
      <c r="J12" s="20"/>
    </row>
    <row r="13" spans="1:10" x14ac:dyDescent="0.2">
      <c r="A13">
        <v>2015</v>
      </c>
      <c r="B13" s="20">
        <v>15.5</v>
      </c>
      <c r="C13" s="20">
        <v>2.59</v>
      </c>
      <c r="D13">
        <v>0.41</v>
      </c>
      <c r="E13" s="20"/>
      <c r="F13" s="20"/>
      <c r="G13" s="20"/>
      <c r="H13" s="20"/>
      <c r="I13" s="20"/>
      <c r="J13" s="20"/>
    </row>
    <row r="14" spans="1:10" x14ac:dyDescent="0.2">
      <c r="A14">
        <v>2016</v>
      </c>
      <c r="B14" s="20">
        <v>16.96</v>
      </c>
      <c r="C14" s="20">
        <v>2.7</v>
      </c>
      <c r="D14">
        <v>0.45</v>
      </c>
      <c r="E14" s="20"/>
      <c r="F14" s="20"/>
      <c r="G14" s="20"/>
      <c r="H14" s="20"/>
      <c r="I14" s="20"/>
      <c r="J14" s="20"/>
    </row>
    <row r="15" spans="1:10" x14ac:dyDescent="0.2">
      <c r="A15">
        <v>2017</v>
      </c>
      <c r="B15" s="20">
        <v>15.56</v>
      </c>
      <c r="C15" s="20">
        <v>2.2200000000000002</v>
      </c>
      <c r="D15">
        <v>0.32</v>
      </c>
      <c r="E15" s="20"/>
      <c r="F15" s="20"/>
      <c r="G15" s="20"/>
      <c r="H15" s="20"/>
      <c r="I15" s="20"/>
      <c r="J15" s="20"/>
    </row>
    <row r="16" spans="1:10" x14ac:dyDescent="0.2">
      <c r="A16">
        <v>2018</v>
      </c>
      <c r="B16" s="20">
        <v>14.3</v>
      </c>
      <c r="C16" s="20">
        <v>1.99</v>
      </c>
      <c r="D16">
        <v>0.27</v>
      </c>
      <c r="E16" s="20"/>
      <c r="F16" s="20"/>
      <c r="G16" s="20"/>
      <c r="H16" s="20"/>
      <c r="I16" s="20"/>
      <c r="J16" s="20"/>
    </row>
    <row r="17" spans="1:10" x14ac:dyDescent="0.2">
      <c r="A17">
        <v>2019</v>
      </c>
      <c r="B17" s="20">
        <v>18.13</v>
      </c>
      <c r="C17" s="20">
        <v>2.36</v>
      </c>
      <c r="D17">
        <v>0.37</v>
      </c>
      <c r="E17" s="20"/>
      <c r="F17" s="20"/>
      <c r="G17" s="20"/>
      <c r="H17" s="20"/>
      <c r="I17" s="20"/>
      <c r="J17" s="20"/>
    </row>
    <row r="18" spans="1:10" x14ac:dyDescent="0.2">
      <c r="A18">
        <v>2021</v>
      </c>
      <c r="B18" s="20">
        <v>18.07</v>
      </c>
      <c r="C18" s="20">
        <v>2.94</v>
      </c>
      <c r="D18">
        <v>0.45</v>
      </c>
      <c r="E18" s="20"/>
      <c r="F18" s="20"/>
      <c r="G18" s="20"/>
      <c r="H18" s="20"/>
      <c r="I18" s="20"/>
      <c r="J18" s="20"/>
    </row>
    <row r="19" spans="1:10" x14ac:dyDescent="0.2">
      <c r="A19">
        <v>2022</v>
      </c>
      <c r="B19" s="20">
        <v>18.39</v>
      </c>
      <c r="C19" s="20">
        <v>3.49</v>
      </c>
      <c r="D19">
        <v>0.47</v>
      </c>
      <c r="E19" s="20"/>
      <c r="F19" s="20"/>
      <c r="G19" s="20"/>
      <c r="H19" s="20"/>
      <c r="I19" s="20"/>
      <c r="J19" s="20"/>
    </row>
    <row r="21" spans="1:10" x14ac:dyDescent="0.2">
      <c r="A21" t="s">
        <v>156</v>
      </c>
    </row>
  </sheetData>
  <mergeCells count="1">
    <mergeCell ref="B4:D4"/>
  </mergeCells>
  <pageMargins left="0.7" right="0.7" top="0.75" bottom="0.75" header="0.3" footer="0.3"/>
  <pageSetup paperSize="9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AA1606A-74D3-48E4-A2C2-78E5E961B370}">
  <dimension ref="A1:J21"/>
  <sheetViews>
    <sheetView showGridLines="0" workbookViewId="0"/>
  </sheetViews>
  <sheetFormatPr defaultRowHeight="12.75" x14ac:dyDescent="0.2"/>
  <cols>
    <col min="2" max="2" width="11.28515625" bestFit="1" customWidth="1"/>
    <col min="3" max="3" width="10.7109375" bestFit="1" customWidth="1"/>
    <col min="4" max="4" width="9.140625" bestFit="1" customWidth="1"/>
    <col min="5" max="5" width="11.28515625" bestFit="1" customWidth="1"/>
    <col min="6" max="6" width="10.7109375" bestFit="1" customWidth="1"/>
    <col min="7" max="7" width="9.140625" bestFit="1" customWidth="1"/>
    <col min="8" max="8" width="11.28515625" bestFit="1" customWidth="1"/>
    <col min="9" max="9" width="10.7109375" bestFit="1" customWidth="1"/>
    <col min="10" max="10" width="9.140625" bestFit="1" customWidth="1"/>
  </cols>
  <sheetData>
    <row r="1" spans="1:10" x14ac:dyDescent="0.2">
      <c r="A1" s="1" t="s">
        <v>67</v>
      </c>
    </row>
    <row r="2" spans="1:10" x14ac:dyDescent="0.2">
      <c r="A2" t="s">
        <v>131</v>
      </c>
    </row>
    <row r="4" spans="1:10" x14ac:dyDescent="0.2">
      <c r="A4" s="18"/>
      <c r="B4" s="31" t="s">
        <v>73</v>
      </c>
      <c r="C4" s="31"/>
      <c r="D4" s="31"/>
    </row>
    <row r="5" spans="1:10" x14ac:dyDescent="0.2">
      <c r="A5" s="17" t="s">
        <v>68</v>
      </c>
      <c r="B5" s="7" t="s">
        <v>69</v>
      </c>
      <c r="C5" s="7" t="s">
        <v>70</v>
      </c>
      <c r="D5" s="7" t="s">
        <v>71</v>
      </c>
    </row>
    <row r="6" spans="1:10" x14ac:dyDescent="0.2">
      <c r="A6">
        <v>2008</v>
      </c>
      <c r="B6" s="20">
        <v>24.06</v>
      </c>
      <c r="C6" s="20">
        <v>5.92</v>
      </c>
      <c r="D6" s="20">
        <v>1.64</v>
      </c>
      <c r="H6" s="20"/>
      <c r="I6" s="20"/>
      <c r="J6" s="20"/>
    </row>
    <row r="7" spans="1:10" x14ac:dyDescent="0.2">
      <c r="A7">
        <v>2009</v>
      </c>
      <c r="B7" s="20">
        <v>23.24</v>
      </c>
      <c r="C7" s="20">
        <v>5.04</v>
      </c>
      <c r="D7" s="20">
        <v>1.32</v>
      </c>
      <c r="H7" s="20"/>
      <c r="I7" s="20"/>
      <c r="J7" s="20"/>
    </row>
    <row r="8" spans="1:10" x14ac:dyDescent="0.2">
      <c r="A8">
        <v>2010</v>
      </c>
      <c r="B8" s="20">
        <v>24.13</v>
      </c>
      <c r="C8" s="20">
        <v>5.75</v>
      </c>
      <c r="D8" s="20">
        <v>1.29</v>
      </c>
      <c r="H8" s="20"/>
      <c r="I8" s="20"/>
      <c r="J8" s="20"/>
    </row>
    <row r="9" spans="1:10" x14ac:dyDescent="0.2">
      <c r="A9">
        <v>2011</v>
      </c>
      <c r="B9" s="20">
        <v>22.38</v>
      </c>
      <c r="C9" s="20">
        <v>5.28</v>
      </c>
      <c r="D9" s="20">
        <v>1.08</v>
      </c>
      <c r="H9" s="20"/>
      <c r="I9" s="20"/>
      <c r="J9" s="20"/>
    </row>
    <row r="10" spans="1:10" x14ac:dyDescent="0.2">
      <c r="A10">
        <v>2012</v>
      </c>
      <c r="B10" s="20">
        <v>23.79</v>
      </c>
      <c r="C10" s="20">
        <v>5.55</v>
      </c>
      <c r="D10" s="20">
        <v>1.2</v>
      </c>
      <c r="H10" s="20"/>
      <c r="I10" s="20"/>
      <c r="J10" s="20"/>
    </row>
    <row r="11" spans="1:10" x14ac:dyDescent="0.2">
      <c r="A11">
        <v>2013</v>
      </c>
      <c r="B11" s="20">
        <v>17.989999999999998</v>
      </c>
      <c r="C11" s="20">
        <v>2.75</v>
      </c>
      <c r="D11" s="20">
        <v>0.43</v>
      </c>
      <c r="H11" s="20"/>
      <c r="I11" s="20"/>
      <c r="J11" s="20"/>
    </row>
    <row r="12" spans="1:10" x14ac:dyDescent="0.2">
      <c r="A12">
        <v>2014</v>
      </c>
      <c r="B12" s="20">
        <v>22.3</v>
      </c>
      <c r="C12" s="20">
        <v>4.8499999999999996</v>
      </c>
      <c r="D12" s="20">
        <v>0.86</v>
      </c>
      <c r="H12" s="20"/>
      <c r="I12" s="20"/>
      <c r="J12" s="20"/>
    </row>
    <row r="13" spans="1:10" x14ac:dyDescent="0.2">
      <c r="A13">
        <v>2015</v>
      </c>
      <c r="B13" s="20">
        <v>20.12</v>
      </c>
      <c r="C13" s="20">
        <v>3.88</v>
      </c>
      <c r="D13" s="20">
        <v>0.64</v>
      </c>
      <c r="H13" s="20"/>
      <c r="I13" s="20"/>
      <c r="J13" s="20"/>
    </row>
    <row r="14" spans="1:10" x14ac:dyDescent="0.2">
      <c r="A14">
        <v>2016</v>
      </c>
      <c r="B14" s="20">
        <v>21.46</v>
      </c>
      <c r="C14" s="20">
        <v>3.98</v>
      </c>
      <c r="D14" s="20">
        <v>0.72</v>
      </c>
      <c r="H14" s="20"/>
      <c r="I14" s="20"/>
      <c r="J14" s="20"/>
    </row>
    <row r="15" spans="1:10" x14ac:dyDescent="0.2">
      <c r="A15">
        <v>2017</v>
      </c>
      <c r="B15" s="20">
        <v>20.79</v>
      </c>
      <c r="C15" s="20">
        <v>4.0199999999999996</v>
      </c>
      <c r="D15" s="20">
        <v>0.7</v>
      </c>
      <c r="H15" s="20"/>
      <c r="I15" s="20"/>
      <c r="J15" s="20"/>
    </row>
    <row r="16" spans="1:10" x14ac:dyDescent="0.2">
      <c r="A16">
        <v>2018</v>
      </c>
      <c r="B16" s="20">
        <v>21.73</v>
      </c>
      <c r="C16" s="20">
        <v>4.2</v>
      </c>
      <c r="D16" s="20">
        <v>0.73</v>
      </c>
      <c r="H16" s="20"/>
      <c r="I16" s="20"/>
      <c r="J16" s="20"/>
    </row>
    <row r="17" spans="1:10" x14ac:dyDescent="0.2">
      <c r="A17">
        <v>2019</v>
      </c>
      <c r="B17" s="20">
        <v>20.12</v>
      </c>
      <c r="C17" s="20">
        <v>3.42</v>
      </c>
      <c r="D17" s="20">
        <v>0.56999999999999995</v>
      </c>
      <c r="H17" s="20"/>
      <c r="I17" s="20"/>
      <c r="J17" s="20"/>
    </row>
    <row r="18" spans="1:10" x14ac:dyDescent="0.2">
      <c r="A18">
        <v>2021</v>
      </c>
      <c r="B18" s="20">
        <v>19.71</v>
      </c>
      <c r="C18" s="20">
        <v>3.94</v>
      </c>
      <c r="D18" s="20">
        <v>0.64</v>
      </c>
      <c r="H18" s="20"/>
      <c r="I18" s="20"/>
      <c r="J18" s="20"/>
    </row>
    <row r="19" spans="1:10" x14ac:dyDescent="0.2">
      <c r="A19">
        <v>2022</v>
      </c>
      <c r="B19" s="20">
        <v>20.88</v>
      </c>
      <c r="C19" s="20">
        <v>4.33</v>
      </c>
      <c r="D19" s="20">
        <v>0.61</v>
      </c>
      <c r="H19" s="20"/>
      <c r="I19" s="20"/>
      <c r="J19" s="20"/>
    </row>
    <row r="21" spans="1:10" x14ac:dyDescent="0.2">
      <c r="A21" t="s">
        <v>156</v>
      </c>
    </row>
  </sheetData>
  <mergeCells count="1">
    <mergeCell ref="B4:D4"/>
  </mergeCells>
  <pageMargins left="0.7" right="0.7" top="0.75" bottom="0.75" header="0.3" footer="0.3"/>
  <pageSetup paperSize="9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9EF577B-9F86-4669-9951-89D2CD1C9286}">
  <dimension ref="A1:G21"/>
  <sheetViews>
    <sheetView showGridLines="0" workbookViewId="0"/>
  </sheetViews>
  <sheetFormatPr defaultRowHeight="12.75" x14ac:dyDescent="0.2"/>
  <cols>
    <col min="2" max="2" width="11.28515625" bestFit="1" customWidth="1"/>
    <col min="3" max="3" width="10.7109375" bestFit="1" customWidth="1"/>
    <col min="4" max="4" width="9.140625" bestFit="1" customWidth="1"/>
    <col min="5" max="5" width="11.28515625" bestFit="1" customWidth="1"/>
    <col min="6" max="6" width="10.7109375" bestFit="1" customWidth="1"/>
    <col min="7" max="7" width="9.140625" bestFit="1" customWidth="1"/>
    <col min="8" max="8" width="11.28515625" bestFit="1" customWidth="1"/>
    <col min="9" max="9" width="10.7109375" bestFit="1" customWidth="1"/>
    <col min="10" max="10" width="9.140625" bestFit="1" customWidth="1"/>
  </cols>
  <sheetData>
    <row r="1" spans="1:7" x14ac:dyDescent="0.2">
      <c r="A1" s="1" t="s">
        <v>67</v>
      </c>
    </row>
    <row r="2" spans="1:7" x14ac:dyDescent="0.2">
      <c r="A2" t="s">
        <v>131</v>
      </c>
    </row>
    <row r="4" spans="1:7" x14ac:dyDescent="0.2">
      <c r="A4" s="18"/>
      <c r="B4" s="31" t="s">
        <v>74</v>
      </c>
      <c r="C4" s="31"/>
      <c r="D4" s="31"/>
      <c r="E4" s="32"/>
      <c r="F4" s="32"/>
      <c r="G4" s="32"/>
    </row>
    <row r="5" spans="1:7" x14ac:dyDescent="0.2">
      <c r="A5" s="17" t="s">
        <v>68</v>
      </c>
      <c r="B5" s="7" t="s">
        <v>69</v>
      </c>
      <c r="C5" s="7" t="s">
        <v>70</v>
      </c>
      <c r="D5" s="7" t="s">
        <v>71</v>
      </c>
    </row>
    <row r="6" spans="1:7" x14ac:dyDescent="0.2">
      <c r="A6">
        <v>2008</v>
      </c>
      <c r="B6" s="20">
        <v>21.93</v>
      </c>
      <c r="C6" s="20">
        <v>5.75</v>
      </c>
      <c r="D6" s="20">
        <v>1.65</v>
      </c>
      <c r="E6" s="20"/>
      <c r="F6" s="20"/>
      <c r="G6" s="20"/>
    </row>
    <row r="7" spans="1:7" x14ac:dyDescent="0.2">
      <c r="A7">
        <v>2009</v>
      </c>
      <c r="B7" s="20">
        <v>23.49</v>
      </c>
      <c r="C7" s="20">
        <v>5.31</v>
      </c>
      <c r="D7" s="20">
        <v>1.51</v>
      </c>
      <c r="E7" s="20"/>
      <c r="F7" s="20"/>
      <c r="G7" s="20"/>
    </row>
    <row r="8" spans="1:7" x14ac:dyDescent="0.2">
      <c r="A8">
        <v>2010</v>
      </c>
      <c r="B8" s="20">
        <v>22.35</v>
      </c>
      <c r="C8" s="20">
        <v>4.8499999999999996</v>
      </c>
      <c r="D8" s="20">
        <v>1.22</v>
      </c>
      <c r="E8" s="20"/>
      <c r="F8" s="20"/>
      <c r="G8" s="20"/>
    </row>
    <row r="9" spans="1:7" x14ac:dyDescent="0.2">
      <c r="A9">
        <v>2011</v>
      </c>
      <c r="B9" s="20">
        <v>24.22</v>
      </c>
      <c r="C9" s="20">
        <v>5.97</v>
      </c>
      <c r="D9" s="20">
        <v>1.39</v>
      </c>
      <c r="E9" s="20"/>
      <c r="F9" s="20"/>
      <c r="G9" s="20"/>
    </row>
    <row r="10" spans="1:7" x14ac:dyDescent="0.2">
      <c r="A10">
        <v>2012</v>
      </c>
      <c r="B10" s="20">
        <v>24.27</v>
      </c>
      <c r="C10" s="20">
        <v>6.31</v>
      </c>
      <c r="D10" s="20">
        <v>1.49</v>
      </c>
      <c r="E10" s="20"/>
      <c r="F10" s="20"/>
      <c r="G10" s="20"/>
    </row>
    <row r="11" spans="1:7" x14ac:dyDescent="0.2">
      <c r="A11">
        <v>2013</v>
      </c>
      <c r="B11" s="20">
        <v>26.04</v>
      </c>
      <c r="C11" s="20">
        <v>6.21</v>
      </c>
      <c r="D11" s="20">
        <v>1.42</v>
      </c>
      <c r="E11" s="20"/>
      <c r="F11" s="20"/>
      <c r="G11" s="20"/>
    </row>
    <row r="12" spans="1:7" x14ac:dyDescent="0.2">
      <c r="A12">
        <v>2014</v>
      </c>
      <c r="B12" s="20">
        <v>26.28</v>
      </c>
      <c r="C12" s="20">
        <v>7.62</v>
      </c>
      <c r="D12" s="20">
        <v>1.76</v>
      </c>
      <c r="E12" s="20"/>
      <c r="F12" s="20"/>
      <c r="G12" s="20"/>
    </row>
    <row r="13" spans="1:7" x14ac:dyDescent="0.2">
      <c r="A13">
        <v>2015</v>
      </c>
      <c r="B13" s="20">
        <v>24.84</v>
      </c>
      <c r="C13" s="20">
        <v>6.61</v>
      </c>
      <c r="D13" s="20">
        <v>1.24</v>
      </c>
      <c r="E13" s="20"/>
      <c r="F13" s="20"/>
      <c r="G13" s="20"/>
    </row>
    <row r="14" spans="1:7" x14ac:dyDescent="0.2">
      <c r="A14">
        <v>2016</v>
      </c>
      <c r="B14" s="20">
        <v>21.69</v>
      </c>
      <c r="C14" s="20">
        <v>5.19</v>
      </c>
      <c r="D14" s="20">
        <v>1.22</v>
      </c>
      <c r="E14" s="20"/>
      <c r="F14" s="20"/>
      <c r="G14" s="20"/>
    </row>
    <row r="15" spans="1:7" x14ac:dyDescent="0.2">
      <c r="A15">
        <v>2017</v>
      </c>
      <c r="B15" s="20">
        <v>25.33</v>
      </c>
      <c r="C15" s="20">
        <v>6.52</v>
      </c>
      <c r="D15" s="20">
        <v>1.18</v>
      </c>
      <c r="E15" s="20"/>
      <c r="F15" s="20"/>
      <c r="G15" s="20"/>
    </row>
    <row r="16" spans="1:7" x14ac:dyDescent="0.2">
      <c r="A16">
        <v>2018</v>
      </c>
      <c r="B16" s="20">
        <v>30.21</v>
      </c>
      <c r="C16" s="20">
        <v>8.77</v>
      </c>
      <c r="D16" s="20">
        <v>1.79</v>
      </c>
      <c r="E16" s="20"/>
      <c r="F16" s="20"/>
      <c r="G16" s="20"/>
    </row>
    <row r="17" spans="1:7" x14ac:dyDescent="0.2">
      <c r="A17">
        <v>2019</v>
      </c>
      <c r="B17" s="20">
        <v>24.5</v>
      </c>
      <c r="C17" s="20">
        <v>5.84</v>
      </c>
      <c r="D17" s="20">
        <v>1.17</v>
      </c>
      <c r="E17" s="20"/>
      <c r="F17" s="20"/>
      <c r="G17" s="20"/>
    </row>
    <row r="18" spans="1:7" x14ac:dyDescent="0.2">
      <c r="A18">
        <v>2021</v>
      </c>
      <c r="B18" s="20">
        <v>23.31</v>
      </c>
      <c r="C18" s="20">
        <v>5.85</v>
      </c>
      <c r="D18" s="20">
        <v>1.1200000000000001</v>
      </c>
      <c r="E18" s="20"/>
      <c r="F18" s="20"/>
      <c r="G18" s="20"/>
    </row>
    <row r="19" spans="1:7" x14ac:dyDescent="0.2">
      <c r="A19">
        <v>2022</v>
      </c>
      <c r="B19" s="20">
        <v>23.56</v>
      </c>
      <c r="C19" s="20">
        <v>6.11</v>
      </c>
      <c r="D19" s="20">
        <v>1.06</v>
      </c>
      <c r="E19" s="20"/>
      <c r="F19" s="20"/>
      <c r="G19" s="20"/>
    </row>
    <row r="21" spans="1:7" x14ac:dyDescent="0.2">
      <c r="A21" t="s">
        <v>156</v>
      </c>
    </row>
  </sheetData>
  <mergeCells count="2">
    <mergeCell ref="E4:G4"/>
    <mergeCell ref="B4:D4"/>
  </mergeCells>
  <pageMargins left="0.7" right="0.7" top="0.75" bottom="0.75" header="0.3" footer="0.3"/>
  <pageSetup paperSize="9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BB22F51-7BF6-4E1A-ABF2-E4FDA7086418}">
  <dimension ref="A1:F11"/>
  <sheetViews>
    <sheetView showGridLines="0" workbookViewId="0"/>
  </sheetViews>
  <sheetFormatPr defaultRowHeight="12.75" x14ac:dyDescent="0.2"/>
  <cols>
    <col min="1" max="1" width="14" customWidth="1"/>
    <col min="2" max="2" width="13" customWidth="1"/>
  </cols>
  <sheetData>
    <row r="1" spans="1:6" x14ac:dyDescent="0.2">
      <c r="A1" s="1" t="s">
        <v>82</v>
      </c>
    </row>
    <row r="3" spans="1:6" ht="27" customHeight="1" x14ac:dyDescent="0.2">
      <c r="A3" s="22" t="s">
        <v>75</v>
      </c>
      <c r="B3" s="31" t="s">
        <v>81</v>
      </c>
      <c r="C3" s="31"/>
      <c r="D3" s="31"/>
      <c r="E3" s="31"/>
      <c r="F3" s="31"/>
    </row>
    <row r="4" spans="1:6" ht="25.5" x14ac:dyDescent="0.2">
      <c r="A4" s="23"/>
      <c r="B4" s="29" t="s">
        <v>76</v>
      </c>
      <c r="C4" s="30" t="s">
        <v>77</v>
      </c>
      <c r="D4" s="30" t="s">
        <v>78</v>
      </c>
      <c r="E4" s="30" t="s">
        <v>79</v>
      </c>
      <c r="F4" s="30" t="s">
        <v>80</v>
      </c>
    </row>
    <row r="5" spans="1:6" x14ac:dyDescent="0.2">
      <c r="A5">
        <v>1</v>
      </c>
      <c r="B5" s="26">
        <v>3.0000000000000001E-3</v>
      </c>
      <c r="C5" s="26">
        <v>4.0000000000000001E-3</v>
      </c>
      <c r="D5" s="26">
        <v>4.0000000000000001E-3</v>
      </c>
      <c r="E5" s="26">
        <v>3.0000000000000001E-3</v>
      </c>
      <c r="F5" s="26">
        <v>4.0000000000000001E-3</v>
      </c>
    </row>
    <row r="6" spans="1:6" x14ac:dyDescent="0.2">
      <c r="A6">
        <v>2</v>
      </c>
      <c r="B6" s="26">
        <v>8.9999999999999993E-3</v>
      </c>
      <c r="C6" s="26">
        <v>1.0999999999999999E-2</v>
      </c>
      <c r="D6" s="26">
        <v>0.01</v>
      </c>
      <c r="E6" s="26">
        <v>8.0000000000000002E-3</v>
      </c>
      <c r="F6" s="26">
        <v>1.2999999999999999E-2</v>
      </c>
    </row>
    <row r="7" spans="1:6" x14ac:dyDescent="0.2">
      <c r="A7">
        <v>3</v>
      </c>
      <c r="B7" s="26">
        <v>2.1999999999999999E-2</v>
      </c>
      <c r="C7" s="26">
        <v>2.7E-2</v>
      </c>
      <c r="D7" s="26">
        <v>2.4E-2</v>
      </c>
      <c r="E7" s="26">
        <v>2.1000000000000001E-2</v>
      </c>
      <c r="F7" s="26">
        <v>3.1E-2</v>
      </c>
    </row>
    <row r="8" spans="1:6" x14ac:dyDescent="0.2">
      <c r="A8">
        <v>4</v>
      </c>
      <c r="B8" s="26">
        <v>0.05</v>
      </c>
      <c r="C8" s="26">
        <v>6.9000000000000006E-2</v>
      </c>
      <c r="D8" s="26">
        <v>5.5E-2</v>
      </c>
      <c r="E8" s="26">
        <v>4.5999999999999999E-2</v>
      </c>
      <c r="F8" s="26">
        <v>5.2999999999999999E-2</v>
      </c>
    </row>
    <row r="9" spans="1:6" x14ac:dyDescent="0.2">
      <c r="A9">
        <v>5</v>
      </c>
      <c r="B9" s="26">
        <v>0.11600000000000001</v>
      </c>
      <c r="C9" s="26">
        <v>8.8999999999999996E-2</v>
      </c>
      <c r="D9" s="26">
        <v>0.107</v>
      </c>
      <c r="E9" s="26">
        <v>0.122</v>
      </c>
      <c r="F9" s="26">
        <v>9.9000000000000005E-2</v>
      </c>
    </row>
    <row r="11" spans="1:6" x14ac:dyDescent="0.2">
      <c r="A11" t="s">
        <v>158</v>
      </c>
    </row>
  </sheetData>
  <mergeCells count="1">
    <mergeCell ref="B3:F3"/>
  </mergeCells>
  <pageMargins left="0.7" right="0.7" top="0.75" bottom="0.75" header="0.3" footer="0.3"/>
  <pageSetup paperSize="9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4E11EDD-3386-4D32-9A31-E5C8B073D1F7}">
  <dimension ref="A1:B13"/>
  <sheetViews>
    <sheetView showGridLines="0" workbookViewId="0"/>
  </sheetViews>
  <sheetFormatPr defaultRowHeight="12.75" x14ac:dyDescent="0.2"/>
  <cols>
    <col min="1" max="1" width="25.5703125" bestFit="1" customWidth="1"/>
    <col min="2" max="2" width="10.5703125" bestFit="1" customWidth="1"/>
  </cols>
  <sheetData>
    <row r="1" spans="1:2" x14ac:dyDescent="0.2">
      <c r="A1" s="1" t="s">
        <v>144</v>
      </c>
    </row>
    <row r="2" spans="1:2" x14ac:dyDescent="0.2">
      <c r="A2" t="s">
        <v>132</v>
      </c>
    </row>
    <row r="4" spans="1:2" x14ac:dyDescent="0.2">
      <c r="A4" s="7" t="s">
        <v>83</v>
      </c>
      <c r="B4" s="7" t="s">
        <v>84</v>
      </c>
    </row>
    <row r="5" spans="1:2" x14ac:dyDescent="0.2">
      <c r="A5" t="s">
        <v>85</v>
      </c>
      <c r="B5" s="20">
        <v>24.67</v>
      </c>
    </row>
    <row r="6" spans="1:2" x14ac:dyDescent="0.2">
      <c r="A6" t="s">
        <v>86</v>
      </c>
      <c r="B6" s="20">
        <v>15</v>
      </c>
    </row>
    <row r="7" spans="1:2" x14ac:dyDescent="0.2">
      <c r="A7" s="24" t="s">
        <v>87</v>
      </c>
      <c r="B7" s="20">
        <v>10</v>
      </c>
    </row>
    <row r="8" spans="1:2" x14ac:dyDescent="0.2">
      <c r="A8" s="24" t="s">
        <v>88</v>
      </c>
      <c r="B8" s="20">
        <v>6</v>
      </c>
    </row>
    <row r="9" spans="1:2" x14ac:dyDescent="0.2">
      <c r="A9" s="24" t="s">
        <v>89</v>
      </c>
      <c r="B9" s="20">
        <v>6</v>
      </c>
    </row>
    <row r="10" spans="1:2" x14ac:dyDescent="0.2">
      <c r="A10" t="s">
        <v>90</v>
      </c>
      <c r="B10" s="20">
        <v>4.67</v>
      </c>
    </row>
    <row r="11" spans="1:2" x14ac:dyDescent="0.2">
      <c r="A11" t="s">
        <v>91</v>
      </c>
      <c r="B11" s="20">
        <v>6</v>
      </c>
    </row>
    <row r="13" spans="1:2" x14ac:dyDescent="0.2">
      <c r="A13" t="s">
        <v>157</v>
      </c>
    </row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52BD572-F3C5-444B-BFC6-6F8C32336FD7}">
  <dimension ref="A1:B10"/>
  <sheetViews>
    <sheetView showGridLines="0" workbookViewId="0"/>
  </sheetViews>
  <sheetFormatPr defaultRowHeight="12.75" x14ac:dyDescent="0.2"/>
  <cols>
    <col min="1" max="1" width="11.5703125" customWidth="1"/>
    <col min="2" max="2" width="32.28515625" customWidth="1"/>
    <col min="3" max="3" width="17.7109375" bestFit="1" customWidth="1"/>
  </cols>
  <sheetData>
    <row r="1" spans="1:2" x14ac:dyDescent="0.2">
      <c r="A1" s="1" t="s">
        <v>134</v>
      </c>
    </row>
    <row r="2" spans="1:2" ht="15" x14ac:dyDescent="0.2">
      <c r="A2" s="27"/>
    </row>
    <row r="3" spans="1:2" x14ac:dyDescent="0.2">
      <c r="A3" s="7" t="s">
        <v>68</v>
      </c>
      <c r="B3" s="7" t="s">
        <v>146</v>
      </c>
    </row>
    <row r="4" spans="1:2" x14ac:dyDescent="0.2">
      <c r="A4" t="s">
        <v>105</v>
      </c>
      <c r="B4" s="26">
        <v>0.26900000000000002</v>
      </c>
    </row>
    <row r="5" spans="1:2" x14ac:dyDescent="0.2">
      <c r="A5" t="s">
        <v>106</v>
      </c>
      <c r="B5" s="26">
        <v>0.215</v>
      </c>
    </row>
    <row r="6" spans="1:2" x14ac:dyDescent="0.2">
      <c r="A6" s="24" t="s">
        <v>107</v>
      </c>
      <c r="B6" s="26">
        <v>0.23400000000000001</v>
      </c>
    </row>
    <row r="8" spans="1:2" x14ac:dyDescent="0.2">
      <c r="A8" t="s">
        <v>145</v>
      </c>
    </row>
    <row r="9" spans="1:2" x14ac:dyDescent="0.2">
      <c r="A9" s="1"/>
    </row>
    <row r="10" spans="1:2" x14ac:dyDescent="0.2">
      <c r="A10" s="9"/>
    </row>
  </sheetData>
  <pageMargins left="0.7" right="0.7" top="0.75" bottom="0.75" header="0.3" footer="0.3"/>
  <pageSetup paperSize="9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4AD65D7-976A-48BD-84BB-A55F4067F2DD}">
  <dimension ref="A1:C9"/>
  <sheetViews>
    <sheetView showGridLines="0" workbookViewId="0"/>
  </sheetViews>
  <sheetFormatPr defaultRowHeight="12.75" x14ac:dyDescent="0.2"/>
  <cols>
    <col min="1" max="1" width="25.5703125" bestFit="1" customWidth="1"/>
    <col min="2" max="2" width="16.140625" bestFit="1" customWidth="1"/>
    <col min="3" max="3" width="18.28515625" bestFit="1" customWidth="1"/>
  </cols>
  <sheetData>
    <row r="1" spans="1:3" x14ac:dyDescent="0.2">
      <c r="A1" s="1" t="s">
        <v>133</v>
      </c>
    </row>
    <row r="2" spans="1:3" ht="15" x14ac:dyDescent="0.2">
      <c r="A2" s="27"/>
    </row>
    <row r="3" spans="1:3" x14ac:dyDescent="0.2">
      <c r="A3" s="7" t="s">
        <v>114</v>
      </c>
      <c r="B3" s="7" t="s">
        <v>108</v>
      </c>
      <c r="C3" s="7" t="s">
        <v>109</v>
      </c>
    </row>
    <row r="4" spans="1:3" x14ac:dyDescent="0.2">
      <c r="A4" t="s">
        <v>110</v>
      </c>
      <c r="B4" s="26">
        <v>0.498</v>
      </c>
      <c r="C4" s="26">
        <v>0.23534340779675861</v>
      </c>
    </row>
    <row r="5" spans="1:3" x14ac:dyDescent="0.2">
      <c r="A5" s="24" t="s">
        <v>112</v>
      </c>
      <c r="B5" s="26">
        <v>0.47199999999999998</v>
      </c>
      <c r="C5" s="26">
        <v>0.442</v>
      </c>
    </row>
    <row r="6" spans="1:3" x14ac:dyDescent="0.2">
      <c r="A6" t="s">
        <v>111</v>
      </c>
      <c r="B6" s="26">
        <v>0.501</v>
      </c>
      <c r="C6" s="26">
        <v>0.41299999999999998</v>
      </c>
    </row>
    <row r="7" spans="1:3" x14ac:dyDescent="0.2">
      <c r="A7" t="s">
        <v>113</v>
      </c>
      <c r="B7" s="26">
        <v>0.56999999999999995</v>
      </c>
      <c r="C7" s="26">
        <v>0.49099999999999999</v>
      </c>
    </row>
    <row r="9" spans="1:3" x14ac:dyDescent="0.2">
      <c r="A9" t="s">
        <v>145</v>
      </c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E91143F2B2AAA43B4ED5D06D8E163F6" ma:contentTypeVersion="7" ma:contentTypeDescription="Create a new document." ma:contentTypeScope="" ma:versionID="360eeb6dff3a39aca0084705ff68984d">
  <xsd:schema xmlns:xsd="http://www.w3.org/2001/XMLSchema" xmlns:xs="http://www.w3.org/2001/XMLSchema" xmlns:p="http://schemas.microsoft.com/office/2006/metadata/properties" xmlns:ns2="9818a5f2-5483-412d-8678-057ddb6fc845" xmlns:ns3="799e522c-5b1f-4f01-8a66-07ee5157ad9d" targetNamespace="http://schemas.microsoft.com/office/2006/metadata/properties" ma:root="true" ma:fieldsID="bfbaad9e514bec55fb5e4964b7b2a15e" ns2:_="" ns3:_="">
    <xsd:import namespace="9818a5f2-5483-412d-8678-057ddb6fc845"/>
    <xsd:import namespace="799e522c-5b1f-4f01-8a66-07ee5157ad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i0f84bba906045b4af568ee102a52dcb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18a5f2-5483-412d-8678-057ddb6fc84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99e522c-5b1f-4f01-8a66-07ee5157ad9d" elementFormDefault="qualified">
    <xsd:import namespace="http://schemas.microsoft.com/office/2006/documentManagement/types"/>
    <xsd:import namespace="http://schemas.microsoft.com/office/infopath/2007/PartnerControls"/>
    <xsd:element name="i0f84bba906045b4af568ee102a52dcb" ma:index="13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4" nillable="true" ma:displayName="Taxonomy Catch All Column" ma:hidden="true" ma:list="{870b7801-8225-45fa-88f9-2134f6715a36}" ma:internalName="TaxCatchAll" ma:showField="CatchAllData" ma:web="799e522c-5b1f-4f01-8a66-07ee5157ad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799e522c-5b1f-4f01-8a66-07ee5157ad9d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799e522c-5b1f-4f01-8a66-07ee5157ad9d">
      <Value>1</Value>
    </TaxCatchAll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transformationConfigurations":[],"templateName":"Supporting chart data workbook","templateDescription":"Use for data you plan to publish on the website. Includes 'about' and 'contents' tabs.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AFD8A48-DE11-49E8-AD65-32489436E56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818a5f2-5483-412d-8678-057ddb6fc845"/>
    <ds:schemaRef ds:uri="799e522c-5b1f-4f01-8a66-07ee5157ad9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E1EFC478-5E73-45FD-BFC4-BC55619BF7EA}">
  <ds:schemaRefs/>
</ds:datastoreItem>
</file>

<file path=customXml/itemProps3.xml><?xml version="1.0" encoding="utf-8"?>
<ds:datastoreItem xmlns:ds="http://schemas.openxmlformats.org/officeDocument/2006/customXml" ds:itemID="{B3728547-958E-4FA2-B20E-7904A68EC892}">
  <ds:schemaRefs>
    <ds:schemaRef ds:uri="http://www.w3.org/XML/1998/namespace"/>
    <ds:schemaRef ds:uri="9818a5f2-5483-412d-8678-057ddb6fc845"/>
    <ds:schemaRef ds:uri="http://schemas.microsoft.com/office/2006/documentManagement/types"/>
    <ds:schemaRef ds:uri="http://purl.org/dc/terms/"/>
    <ds:schemaRef ds:uri="http://purl.org/dc/elements/1.1/"/>
    <ds:schemaRef ds:uri="http://purl.org/dc/dcmitype/"/>
    <ds:schemaRef ds:uri="http://schemas.openxmlformats.org/package/2006/metadata/core-properties"/>
    <ds:schemaRef ds:uri="http://schemas.microsoft.com/office/infopath/2007/PartnerControls"/>
    <ds:schemaRef ds:uri="799e522c-5b1f-4f01-8a66-07ee5157ad9d"/>
    <ds:schemaRef ds:uri="http://schemas.microsoft.com/office/2006/metadata/properties"/>
  </ds:schemaRefs>
</ds:datastoreItem>
</file>

<file path=customXml/itemProps4.xml><?xml version="1.0" encoding="utf-8"?>
<ds:datastoreItem xmlns:ds="http://schemas.openxmlformats.org/officeDocument/2006/customXml" ds:itemID="{058F1DBD-F471-494B-B998-F5C80852FBDA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8D938DD-EC6F-4D42-AA4F-4A0F2A288CF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7</vt:i4>
      </vt:variant>
    </vt:vector>
  </HeadingPairs>
  <TitlesOfParts>
    <vt:vector size="17" baseType="lpstr">
      <vt:lpstr>About</vt:lpstr>
      <vt:lpstr>Contents</vt:lpstr>
      <vt:lpstr>Figure 1.1 (panel a)</vt:lpstr>
      <vt:lpstr>Figure 1.1 (panel b)</vt:lpstr>
      <vt:lpstr>Figure 1.1 (panel c)</vt:lpstr>
      <vt:lpstr>Figure 1.2</vt:lpstr>
      <vt:lpstr>Figure 1.3</vt:lpstr>
      <vt:lpstr>Figure 2.3 (panel a)</vt:lpstr>
      <vt:lpstr>Figure 2.3 (panel b)</vt:lpstr>
      <vt:lpstr>Figure 2.4</vt:lpstr>
      <vt:lpstr>Figure 3.1</vt:lpstr>
      <vt:lpstr>Box 3.6</vt:lpstr>
      <vt:lpstr>Figure 3.2</vt:lpstr>
      <vt:lpstr>Box 3.10 (left panel)</vt:lpstr>
      <vt:lpstr>Box 3.10 (right panel)</vt:lpstr>
      <vt:lpstr>Box 3.10 table</vt:lpstr>
      <vt:lpstr>Figure B.1</vt:lpstr>
    </vt:vector>
  </TitlesOfParts>
  <Manager/>
  <Company>Productivity Commission</Company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hart data - Interim report - Building a skilled and adaptable workforce</dc:title>
  <dc:subject/>
  <dc:creator>Productivity Commission</dc:creator>
  <cp:keywords/>
  <dc:description/>
  <cp:lastModifiedBy>Chris Alston</cp:lastModifiedBy>
  <cp:revision/>
  <dcterms:created xsi:type="dcterms:W3CDTF">2025-07-28T05:09:54Z</dcterms:created>
  <dcterms:modified xsi:type="dcterms:W3CDTF">2025-08-07T06:27:2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54725005441542</vt:lpwstr>
  </property>
  <property fmtid="{D5CDD505-2E9C-101B-9397-08002B2CF9AE}" pid="4" name="TemplafyUserProfileId">
    <vt:lpwstr>637803902465008559</vt:lpwstr>
  </property>
  <property fmtid="{D5CDD505-2E9C-101B-9397-08002B2CF9AE}" pid="5" name="TemplafyFromBlank">
    <vt:bool>false</vt:bool>
  </property>
  <property fmtid="{D5CDD505-2E9C-101B-9397-08002B2CF9AE}" pid="6" name="MSIP_Label_f7467c1a-e0ed-413c-a72b-aac8e8e94f41_Enabled">
    <vt:lpwstr>true</vt:lpwstr>
  </property>
  <property fmtid="{D5CDD505-2E9C-101B-9397-08002B2CF9AE}" pid="7" name="MSIP_Label_f7467c1a-e0ed-413c-a72b-aac8e8e94f41_SetDate">
    <vt:lpwstr>2025-07-28T05:18:53Z</vt:lpwstr>
  </property>
  <property fmtid="{D5CDD505-2E9C-101B-9397-08002B2CF9AE}" pid="8" name="MSIP_Label_f7467c1a-e0ed-413c-a72b-aac8e8e94f41_Method">
    <vt:lpwstr>Privileged</vt:lpwstr>
  </property>
  <property fmtid="{D5CDD505-2E9C-101B-9397-08002B2CF9AE}" pid="9" name="MSIP_Label_f7467c1a-e0ed-413c-a72b-aac8e8e94f41_Name">
    <vt:lpwstr>OFFICIAL</vt:lpwstr>
  </property>
  <property fmtid="{D5CDD505-2E9C-101B-9397-08002B2CF9AE}" pid="10" name="MSIP_Label_f7467c1a-e0ed-413c-a72b-aac8e8e94f41_SiteId">
    <vt:lpwstr>29f9330b-c0fe-4244-830e-ba9f275d6c34</vt:lpwstr>
  </property>
  <property fmtid="{D5CDD505-2E9C-101B-9397-08002B2CF9AE}" pid="11" name="MSIP_Label_f7467c1a-e0ed-413c-a72b-aac8e8e94f41_ActionId">
    <vt:lpwstr>ad4d61f0-37da-4341-9296-053193d663e6</vt:lpwstr>
  </property>
  <property fmtid="{D5CDD505-2E9C-101B-9397-08002B2CF9AE}" pid="12" name="MSIP_Label_f7467c1a-e0ed-413c-a72b-aac8e8e94f41_ContentBits">
    <vt:lpwstr>1</vt:lpwstr>
  </property>
  <property fmtid="{D5CDD505-2E9C-101B-9397-08002B2CF9AE}" pid="13" name="MSIP_Label_f7467c1a-e0ed-413c-a72b-aac8e8e94f41_Tag">
    <vt:lpwstr>10, 0, 1, 1</vt:lpwstr>
  </property>
  <property fmtid="{D5CDD505-2E9C-101B-9397-08002B2CF9AE}" pid="14" name="ContentTypeId">
    <vt:lpwstr>0x0101004E91143F2B2AAA43B4ED5D06D8E163F6</vt:lpwstr>
  </property>
  <property fmtid="{D5CDD505-2E9C-101B-9397-08002B2CF9AE}" pid="15" name="RevIMBCS">
    <vt:lpwstr>1;#Unclassified|3955eeb1-2d18-4582-aeb2-00144ec3aaf5</vt:lpwstr>
  </property>
</Properties>
</file>